
<file path=[Content_Types].xml><?xml version="1.0" encoding="utf-8"?>
<Types xmlns="http://schemas.openxmlformats.org/package/2006/content-types">
  <Default Extension="png" ContentType="image/png"/>
  <Default Extension="wmf" ContentType="image/x-wmf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7"/>
  </p:sldMasterIdLst>
  <p:notesMasterIdLst>
    <p:notesMasterId r:id="rId14"/>
  </p:notesMasterIdLst>
  <p:sldIdLst>
    <p:sldId id="256" r:id="rId8"/>
    <p:sldId id="257" r:id="rId9"/>
    <p:sldId id="263" r:id="rId10"/>
    <p:sldId id="261" r:id="rId11"/>
    <p:sldId id="262" r:id="rId12"/>
    <p:sldId id="264" r:id="rId13"/>
  </p:sldIdLst>
  <p:sldSz cx="9144000" cy="6858000" type="screen4x3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7" autoAdjust="0"/>
    <p:restoredTop sz="94660"/>
  </p:normalViewPr>
  <p:slideViewPr>
    <p:cSldViewPr showGuides="1">
      <p:cViewPr varScale="1">
        <p:scale>
          <a:sx n="115" d="100"/>
          <a:sy n="115" d="100"/>
        </p:scale>
        <p:origin x="1242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1.xml"/><Relationship Id="rId13" Type="http://schemas.openxmlformats.org/officeDocument/2006/relationships/slide" Target="slides/slide6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Master" Target="slideMasters/slideMaster1.xml"/><Relationship Id="rId12" Type="http://schemas.openxmlformats.org/officeDocument/2006/relationships/slide" Target="slides/slide5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4.xml"/><Relationship Id="rId5" Type="http://schemas.openxmlformats.org/officeDocument/2006/relationships/customXml" Target="../customXml/item5.xml"/><Relationship Id="rId15" Type="http://schemas.openxmlformats.org/officeDocument/2006/relationships/presProps" Target="presProps.xml"/><Relationship Id="rId10" Type="http://schemas.openxmlformats.org/officeDocument/2006/relationships/slide" Target="slides/slide3.xml"/><Relationship Id="rId4" Type="http://schemas.openxmlformats.org/officeDocument/2006/relationships/customXml" Target="../customXml/item4.xml"/><Relationship Id="rId9" Type="http://schemas.openxmlformats.org/officeDocument/2006/relationships/slide" Target="slides/slide2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07-06-2022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emf"/><Relationship Id="rId5" Type="http://schemas.openxmlformats.org/officeDocument/2006/relationships/image" Target="../media/image4.png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3.wmf"/><Relationship Id="rId4" Type="http://schemas.openxmlformats.org/officeDocument/2006/relationships/image" Target="../media/image2.pn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emf"/><Relationship Id="rId4" Type="http://schemas.openxmlformats.org/officeDocument/2006/relationships/image" Target="../media/image3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611560" y="2038153"/>
            <a:ext cx="8532007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Rektangel 10"/>
          <p:cNvSpPr/>
          <p:nvPr userDrawn="1"/>
        </p:nvSpPr>
        <p:spPr>
          <a:xfrm>
            <a:off x="8460000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20891"/>
            <a:ext cx="6402625" cy="1981738"/>
          </a:xfrm>
        </p:spPr>
        <p:txBody>
          <a:bodyPr anchor="t" anchorCtr="0"/>
          <a:lstStyle>
            <a:lvl1pPr>
              <a:defRPr sz="37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71600" y="5101432"/>
            <a:ext cx="6400800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401160409" name="image" descr="{&quot;templafy&quot;:{&quot;id&quot;:&quot;17057fe5-242c-4c6e-83c4-dd447cc4d6f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40924"/>
            <a:ext cx="684000" cy="4820400"/>
          </a:xfrm>
          <a:prstGeom prst="rect">
            <a:avLst/>
          </a:prstGeom>
        </p:spPr>
      </p:pic>
      <p:pic>
        <p:nvPicPr>
          <p:cNvPr id="1882622956" name="image" descr="{&quot;templafy&quot;:{&quot;id&quot;:&quot;fa65e326-773f-4453-b0af-8a53ab6fc2c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8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1448634579" name="image" descr="{&quot;templafy&quot;:{&quot;id&quot;:&quot;56b1b54e-3889-4121-ad1f-0da9d529fe6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0"/>
            <a:ext cx="9144000" cy="6861600"/>
          </a:xfrm>
          <a:prstGeom prst="rect">
            <a:avLst/>
          </a:prstGeom>
        </p:spPr>
      </p:pic>
      <p:pic>
        <p:nvPicPr>
          <p:cNvPr id="808812795" name="image" descr="{&quot;templafy&quot;:{&quot;id&quot;:&quot;ad17d03b-522a-4131-899e-1d05092bf37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-2574"/>
            <a:ext cx="9144000" cy="6861600"/>
          </a:xfrm>
          <a:prstGeom prst="rect">
            <a:avLst/>
          </a:prstGeom>
        </p:spPr>
      </p:pic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5D2BCEB3-DE06-427F-8CA1-84F884C5E29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5D19BBFC-5717-4490-A094-205F5448E3A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27F5F4E-DE6D-4596-8B1F-C29D26E3FC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9" name="text" descr="{&quot;templafy&quot;:{&quot;id&quot;:&quot;e7cf1ca2-b1c8-4bf8-8a4f-6ed5c1cdbd53&quot;}}" title="Form.PresentationTitle">
            <a:extLst>
              <a:ext uri="{FF2B5EF4-FFF2-40B4-BE49-F238E27FC236}">
                <a16:creationId xmlns:a16="http://schemas.microsoft.com/office/drawing/2014/main" id="{9A3FA10C-9E51-4C9F-827C-4B35DFE89CDC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sp>
        <p:nvSpPr>
          <p:cNvPr id="20" name="text" descr="{&quot;templafy&quot;:{&quot;id&quot;:&quot;0fa9da4e-ece8-49e9-b16e-9f1992223ec4&quot;}}" title="UserProfile.Name">
            <a:extLst>
              <a:ext uri="{FF2B5EF4-FFF2-40B4-BE49-F238E27FC236}">
                <a16:creationId xmlns:a16="http://schemas.microsoft.com/office/drawing/2014/main" id="{0046E08D-6FCC-4EC3-AE5D-F0348FCA3ADF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pic>
        <p:nvPicPr>
          <p:cNvPr id="1184741842" name="image" descr="{&quot;templafy&quot;:{&quot;id&quot;:&quot;4b8fbdd7-fec9-4b75-a7b4-014f9d65a763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22" name="text" descr="{&quot;templafy&quot;:{&quot;id&quot;:&quot;122a9609-88b4-4fec-afde-4a2aff0bd57b&quot;}}" title="UserProfile.Office.Virksomhed_{{DocumentLanguage}}">
            <a:extLst>
              <a:ext uri="{FF2B5EF4-FFF2-40B4-BE49-F238E27FC236}">
                <a16:creationId xmlns:a16="http://schemas.microsoft.com/office/drawing/2014/main" id="{7480B6FB-0E48-414D-BE8F-CC7D5176795C}"/>
              </a:ext>
            </a:extLst>
          </p:cNvPr>
          <p:cNvSpPr txBox="1"/>
          <p:nvPr userDrawn="1"/>
        </p:nvSpPr>
        <p:spPr>
          <a:xfrm>
            <a:off x="1371598" y="255600"/>
            <a:ext cx="33012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23" name="text" descr="{&quot;templafy&quot;:{&quot;id&quot;:&quot;8a401567-33df-403c-8530-34ada41a58a9&quot;}}" title="UserProfile.CenterFreeText">
            <a:extLst>
              <a:ext uri="{FF2B5EF4-FFF2-40B4-BE49-F238E27FC236}">
                <a16:creationId xmlns:a16="http://schemas.microsoft.com/office/drawing/2014/main" id="{93C7400A-E529-4894-9367-024020F68848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24" name="text" descr="{&quot;templafy&quot;:{&quot;id&quot;:&quot;3c642907-8c43-4300-beba-ee1ac2e7564e&quot;}}" hidden="1" title="UserProfile.Centers.Center_{{DocumentLanguage}}">
            <a:extLst>
              <a:ext uri="{FF2B5EF4-FFF2-40B4-BE49-F238E27FC236}">
                <a16:creationId xmlns:a16="http://schemas.microsoft.com/office/drawing/2014/main" id="{7C4DF2D3-8FAC-4EEA-8F80-6C5494303CF2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95412725" name="image" descr="{&quot;templafy&quot;:{&quot;id&quot;:&quot;a727ec8c-9f06-402d-8b3c-3c054ce9004f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1864932493" name="image" descr="{&quot;templafy&quot;:{&quot;id&quot;:&quot;994e694e-dcc2-4f15-8efb-ae1cbb3f52bb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pic>
        <p:nvPicPr>
          <p:cNvPr id="2064404131" name="image" descr="{&quot;templafy&quot;:{&quot;id&quot;:&quot;b36bb514-b775-4c76-bf78-9c3287052557&quot;}}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sp>
        <p:nvSpPr>
          <p:cNvPr id="30" name="text" descr="{&quot;templafy&quot;:{&quot;id&quot;:&quot;f36cf0c6-e8e9-4b68-a1a7-cbd5ddec5a62&quot;}}" title="Form.Manuel_dato">
            <a:extLst>
              <a:ext uri="{FF2B5EF4-FFF2-40B4-BE49-F238E27FC236}">
                <a16:creationId xmlns:a16="http://schemas.microsoft.com/office/drawing/2014/main" id="{4CBF7751-5A12-4506-8CD7-FFB4338A54F9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611560" y="0"/>
            <a:ext cx="8532007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Rektangel 8"/>
          <p:cNvSpPr/>
          <p:nvPr userDrawn="1"/>
        </p:nvSpPr>
        <p:spPr>
          <a:xfrm>
            <a:off x="846000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1016732"/>
            <a:ext cx="7086600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258561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8000" y="3490922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4654765" y="25848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4654765" y="34920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4965350" name="image" descr="{&quot;templafy&quot;:{&quot;id&quot;:&quot;0814b3c8-79b3-45df-9fdf-7037831d3eb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687763403" name="image" descr="{&quot;templafy&quot;:{&quot;id&quot;:&quot;5e9a813c-128e-427a-b6d6-26e7bcbaf3c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24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0E2752B6-0305-4D5A-B6F1-C38506721EB4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16B467BF-A322-4CF9-AF21-C18F56464B0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FA4331A-7BD6-46C0-B590-5FEBF9905D69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9" name="text" descr="{&quot;templafy&quot;:{&quot;id&quot;:&quot;c9521fb8-23da-4077-baf9-cb4e933a8f2e&quot;}}" title="UserProfile.Office.Virksomhed_{{DocumentLanguage}}">
            <a:extLst>
              <a:ext uri="{FF2B5EF4-FFF2-40B4-BE49-F238E27FC236}">
                <a16:creationId xmlns:a16="http://schemas.microsoft.com/office/drawing/2014/main" id="{6202D20B-D08B-4977-AADD-3ECD1F0A5643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chemeClr val="bg1"/>
                </a:solidFill>
              </a:rPr>
              <a:t>Hvidovre Hospital</a:t>
            </a:r>
          </a:p>
        </p:txBody>
      </p:sp>
      <p:sp>
        <p:nvSpPr>
          <p:cNvPr id="30" name="text" descr="{&quot;templafy&quot;:{&quot;id&quot;:&quot;96b6dc53-b5b7-4ad8-96d2-4b8452e71bc6&quot;}}" title="UserProfile.CenterFreeText">
            <a:extLst>
              <a:ext uri="{FF2B5EF4-FFF2-40B4-BE49-F238E27FC236}">
                <a16:creationId xmlns:a16="http://schemas.microsoft.com/office/drawing/2014/main" id="{243FF1C6-7A9E-4FD9-8DD3-4D385AAC2E5D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bg1"/>
                </a:solidFill>
              </a:rPr>
              <a:t>Ortopædkirurgisk afdeling</a:t>
            </a:r>
          </a:p>
        </p:txBody>
      </p:sp>
      <p:sp>
        <p:nvSpPr>
          <p:cNvPr id="31" name="text" descr="{&quot;templafy&quot;:{&quot;id&quot;:&quot;752a279a-9507-4b8a-b7a8-f04cb35dace9&quot;}}" hidden="1" title="UserProfile.Centers.Center_{{DocumentLanguage}}">
            <a:extLst>
              <a:ext uri="{FF2B5EF4-FFF2-40B4-BE49-F238E27FC236}">
                <a16:creationId xmlns:a16="http://schemas.microsoft.com/office/drawing/2014/main" id="{24161383-4EB0-45CF-99FD-BA47F707EFD0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chemeClr val="bg1"/>
              </a:solidFill>
            </a:endParaRPr>
          </a:p>
        </p:txBody>
      </p:sp>
      <p:sp>
        <p:nvSpPr>
          <p:cNvPr id="32" name="text" descr="{&quot;templafy&quot;:{&quot;id&quot;:&quot;d614bf84-8259-4c4d-a190-1057da3c76c8&quot;}}" title="Form.PresentationTitle">
            <a:extLst>
              <a:ext uri="{FF2B5EF4-FFF2-40B4-BE49-F238E27FC236}">
                <a16:creationId xmlns:a16="http://schemas.microsoft.com/office/drawing/2014/main" id="{B4CA18F5-916D-4D09-8848-FCF8B17007BF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1733639629" name="image" descr="{&quot;templafy&quot;:{&quot;id&quot;:&quot;2415d610-f5a1-4633-a483-49f5d8518c4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pic>
        <p:nvPicPr>
          <p:cNvPr id="714817786" name="image" descr="{&quot;templafy&quot;:{&quot;id&quot;:&quot;b9121518-6290-434d-a674-c9d1c87a668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pic>
        <p:nvPicPr>
          <p:cNvPr id="639177890" name="image" descr="{&quot;templafy&quot;:{&quot;id&quot;:&quot;ee9cc38c-52d7-47b0-bb68-a511ddd6878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664322553" name="image" descr="{&quot;templafy&quot;:{&quot;id&quot;:&quot;b0976a6c-0b98-46b7-a0f1-e122bf6d984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sp>
        <p:nvSpPr>
          <p:cNvPr id="27" name="text" descr="{&quot;templafy&quot;:{&quot;id&quot;:&quot;647ace6d-d7c0-4bce-b167-0632c61c22db&quot;}}" title="UserProfile.Name">
            <a:extLst>
              <a:ext uri="{FF2B5EF4-FFF2-40B4-BE49-F238E27FC236}">
                <a16:creationId xmlns:a16="http://schemas.microsoft.com/office/drawing/2014/main" id="{3E663722-4402-45E0-A867-833F060FF2EA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28" name="text" descr="{&quot;templafy&quot;:{&quot;id&quot;:&quot;112f3c57-200b-45ca-84f4-c6a70d5b35af&quot;}}" title="Form.Manuel_dato">
            <a:extLst>
              <a:ext uri="{FF2B5EF4-FFF2-40B4-BE49-F238E27FC236}">
                <a16:creationId xmlns:a16="http://schemas.microsoft.com/office/drawing/2014/main" id="{6245780A-71FE-4241-AD3C-37868DD54803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Box 2"/>
          <p:cNvSpPr txBox="1">
            <a:spLocks noChangeArrowheads="1"/>
          </p:cNvSpPr>
          <p:nvPr userDrawn="1"/>
        </p:nvSpPr>
        <p:spPr bwMode="auto">
          <a:xfrm>
            <a:off x="404813" y="1819146"/>
            <a:ext cx="2272102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indsætte nyt sli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-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tering af pladsholdere til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ets oprindelige design 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Text Box 4"/>
          <p:cNvSpPr txBox="1">
            <a:spLocks noChangeArrowheads="1"/>
          </p:cNvSpPr>
          <p:nvPr userDrawn="1"/>
        </p:nvSpPr>
        <p:spPr bwMode="auto">
          <a:xfrm>
            <a:off x="662744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xt Box 3"/>
          <p:cNvSpPr txBox="1">
            <a:spLocks noChangeArrowheads="1"/>
          </p:cNvSpPr>
          <p:nvPr userDrawn="1"/>
        </p:nvSpPr>
        <p:spPr bwMode="auto">
          <a:xfrm>
            <a:off x="3620804" y="1801283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</p:txBody>
      </p:sp>
      <p:pic>
        <p:nvPicPr>
          <p:cNvPr id="33" name="4 Nulstil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56324" y="5303999"/>
            <a:ext cx="547241" cy="197798"/>
          </a:xfrm>
          <a:prstGeom prst="rect">
            <a:avLst/>
          </a:prstGeom>
        </p:spPr>
      </p:pic>
      <p:pic>
        <p:nvPicPr>
          <p:cNvPr id="32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231570" y="3523951"/>
            <a:ext cx="363713" cy="647461"/>
          </a:xfrm>
          <a:prstGeom prst="rect">
            <a:avLst/>
          </a:prstGeom>
        </p:spPr>
      </p:pic>
      <p:sp>
        <p:nvSpPr>
          <p:cNvPr id="9" name="Fast overskrift"/>
          <p:cNvSpPr txBox="1"/>
          <p:nvPr userDrawn="1"/>
        </p:nvSpPr>
        <p:spPr>
          <a:xfrm>
            <a:off x="404811" y="539751"/>
            <a:ext cx="8331994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pic>
        <p:nvPicPr>
          <p:cNvPr id="17" name="1 Increase decrease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226940" y="2862487"/>
            <a:ext cx="549328" cy="285228"/>
          </a:xfrm>
          <a:prstGeom prst="rect">
            <a:avLst/>
          </a:prstGeom>
        </p:spPr>
      </p:pic>
      <p:pic>
        <p:nvPicPr>
          <p:cNvPr id="19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256324" y="4193555"/>
            <a:ext cx="593368" cy="192211"/>
          </a:xfrm>
          <a:prstGeom prst="rect">
            <a:avLst/>
          </a:prstGeom>
        </p:spPr>
      </p:pic>
      <p:pic>
        <p:nvPicPr>
          <p:cNvPr id="26" name="5 Insert pictur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554667" y="2060444"/>
            <a:ext cx="262151" cy="256054"/>
          </a:xfrm>
          <a:prstGeom prst="rect">
            <a:avLst/>
          </a:prstGeom>
        </p:spPr>
      </p:pic>
      <p:pic>
        <p:nvPicPr>
          <p:cNvPr id="27" name="6 Crop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5535299" y="2733766"/>
            <a:ext cx="337400" cy="321707"/>
          </a:xfrm>
          <a:prstGeom prst="rect">
            <a:avLst/>
          </a:prstGeom>
        </p:spPr>
      </p:pic>
      <p:pic>
        <p:nvPicPr>
          <p:cNvPr id="30" name="7 Scale pictur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5513004" y="3227756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CE629B00-050D-405D-9F06-055DE3B96A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19C4AFBF-60E1-42EA-8753-75100198DE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06412C5-1E06-4858-BC5A-6397A4AB36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425" y="2327275"/>
            <a:ext cx="7091363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4ADA2A9-9BC6-47B0-A865-EF1261DCA067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54D1B3A5-D482-4510-80B7-5330A2D6FD0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482AE145-3F35-4BA1-87F1-2A47FE42DA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73459d6f-3b41-453e-990b-a2c3b30d3655&quot;}}" title="UserProfile.Office.Virksomhed_{{DocumentLanguage}}">
            <a:extLst>
              <a:ext uri="{FF2B5EF4-FFF2-40B4-BE49-F238E27FC236}">
                <a16:creationId xmlns:a16="http://schemas.microsoft.com/office/drawing/2014/main" id="{5E3F7B64-D3F3-42E8-B024-A956725844E9}"/>
              </a:ext>
            </a:extLst>
          </p:cNvPr>
          <p:cNvSpPr txBox="1"/>
          <p:nvPr userDrawn="1"/>
        </p:nvSpPr>
        <p:spPr>
          <a:xfrm>
            <a:off x="1371598" y="255600"/>
            <a:ext cx="33012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2" name="text" descr="{&quot;templafy&quot;:{&quot;id&quot;:&quot;65c46b4d-1c0f-4ada-b307-687a867f1bcf&quot;}}" title="UserProfile.CenterFreeText">
            <a:extLst>
              <a:ext uri="{FF2B5EF4-FFF2-40B4-BE49-F238E27FC236}">
                <a16:creationId xmlns:a16="http://schemas.microsoft.com/office/drawing/2014/main" id="{987E2A3D-4ED6-4117-838B-6FFA0E94F08F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3" name="text" descr="{&quot;templafy&quot;:{&quot;id&quot;:&quot;1d8a94d6-478b-4ec5-a450-67929e0b21f2&quot;}}" hidden="1" title="UserProfile.Centers.Center_{{DocumentLanguage}}">
            <a:extLst>
              <a:ext uri="{FF2B5EF4-FFF2-40B4-BE49-F238E27FC236}">
                <a16:creationId xmlns:a16="http://schemas.microsoft.com/office/drawing/2014/main" id="{D0E666FF-F4BB-4C7C-9723-279A55F747BF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2144017248" name="image" descr="{&quot;templafy&quot;:{&quot;id&quot;:&quot;d79a520a-9f27-4a81-a90e-63107ef4a4c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18" name="text" descr="{&quot;templafy&quot;:{&quot;id&quot;:&quot;125ffc70-d0c5-45d5-a844-fcbf433b9912&quot;}}" title="Form.PresentationTitle">
            <a:extLst>
              <a:ext uri="{FF2B5EF4-FFF2-40B4-BE49-F238E27FC236}">
                <a16:creationId xmlns:a16="http://schemas.microsoft.com/office/drawing/2014/main" id="{21CB7EEE-0E03-459A-A56D-3CA27671FFBA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4d7deb95-e416-43b9-a5dc-99cd0db8daf0&quot;}}" title="UserProfile.Name">
            <a:extLst>
              <a:ext uri="{FF2B5EF4-FFF2-40B4-BE49-F238E27FC236}">
                <a16:creationId xmlns:a16="http://schemas.microsoft.com/office/drawing/2014/main" id="{484EEFE0-287B-4533-9990-DDDD92894A03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pic>
        <p:nvPicPr>
          <p:cNvPr id="708048070" name="image" descr="{&quot;templafy&quot;:{&quot;id&quot;:&quot;76fe98e4-828c-4e27-8f64-a1d2ca17a8cb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1008679747" name="image" descr="{&quot;templafy&quot;:{&quot;id&quot;:&quot;998861fa-3d2b-464b-96a1-63b974f66b3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AD0B27AB-799F-434F-9F13-75CF3B5AA45C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69528486" name="image" descr="{&quot;templafy&quot;:{&quot;id&quot;:&quot;df0afe3e-b03c-4b45-9659-1ddef894e3c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649840216" name="image" descr="{&quot;templafy&quot;:{&quot;id&quot;:&quot;64d9b268-2cca-45bc-9b2e-55854105331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971767699" name="image" descr="{&quot;templafy&quot;:{&quot;id&quot;:&quot;59b41a41-672a-464f-aeaa-93957ec28680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26" name="text" descr="{&quot;templafy&quot;:{&quot;id&quot;:&quot;6f11a685-e598-4843-9edd-30dc1e557a2c&quot;}}" title="Form.Manuel_dato">
            <a:extLst>
              <a:ext uri="{FF2B5EF4-FFF2-40B4-BE49-F238E27FC236}">
                <a16:creationId xmlns:a16="http://schemas.microsoft.com/office/drawing/2014/main" id="{6505CD19-679C-44FA-B3AA-4C18E9991E23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8000" y="2327275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5021798" y="2329200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947DC730-CDC5-44CC-9B1C-C14B4C0F157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C945EFDB-8058-4EB6-BB89-655AC999A630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B3DE5CF-94FA-442F-8744-8088AC51BFA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ext" descr="{&quot;templafy&quot;:{&quot;id&quot;:&quot;cbab7d0a-9f5d-44b1-b3d3-e640597a554b&quot;}}" title="UserProfile.Office.Virksomhed_{{DocumentLanguage}}">
            <a:extLst>
              <a:ext uri="{FF2B5EF4-FFF2-40B4-BE49-F238E27FC236}">
                <a16:creationId xmlns:a16="http://schemas.microsoft.com/office/drawing/2014/main" id="{FEB6A1E8-F634-45B9-BF35-8FB9AFDB1A83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2" name="text" descr="{&quot;templafy&quot;:{&quot;id&quot;:&quot;a9574484-0d0d-40f7-a8f9-9fbcb3b45b55&quot;}}" title="UserProfile.CenterFreeText">
            <a:extLst>
              <a:ext uri="{FF2B5EF4-FFF2-40B4-BE49-F238E27FC236}">
                <a16:creationId xmlns:a16="http://schemas.microsoft.com/office/drawing/2014/main" id="{00DD9014-3C4D-403B-A65F-511E0B667A8D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3" name="text" descr="{&quot;templafy&quot;:{&quot;id&quot;:&quot;395c902d-9b1d-462f-b3b5-8da1e770421c&quot;}}" hidden="1" title="UserProfile.Centers.Center_{{DocumentLanguage}}">
            <a:extLst>
              <a:ext uri="{FF2B5EF4-FFF2-40B4-BE49-F238E27FC236}">
                <a16:creationId xmlns:a16="http://schemas.microsoft.com/office/drawing/2014/main" id="{DA319FAB-14DA-4A22-84AE-42D2E668758F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174371747" name="image" descr="{&quot;templafy&quot;:{&quot;id&quot;:&quot;dee484f1-9a75-4d82-bb9b-cc30f8c8e08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18" name="text" descr="{&quot;templafy&quot;:{&quot;id&quot;:&quot;3b1e4119-db2b-41e3-aa94-3ad83609e55e&quot;}}" title="Form.PresentationTitle">
            <a:extLst>
              <a:ext uri="{FF2B5EF4-FFF2-40B4-BE49-F238E27FC236}">
                <a16:creationId xmlns:a16="http://schemas.microsoft.com/office/drawing/2014/main" id="{31178429-2551-4595-892B-2D7D0D0EEB4F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1101470580" name="image" descr="{&quot;templafy&quot;:{&quot;id&quot;:&quot;9a6b8f71-33f1-4151-98fb-4de656fe039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1079496601" name="image" descr="{&quot;templafy&quot;:{&quot;id&quot;:&quot;9d19ad70-b91f-453e-9f53-de9a3ba3d850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3" name="Region">
            <a:extLst>
              <a:ext uri="{FF2B5EF4-FFF2-40B4-BE49-F238E27FC236}">
                <a16:creationId xmlns:a16="http://schemas.microsoft.com/office/drawing/2014/main" id="{B7E8D307-E2E5-428B-9730-26782F001A6D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4236895" name="image" descr="{&quot;templafy&quot;:{&quot;id&quot;:&quot;982c5c86-5a13-468a-86ae-2f997e1f536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588928655" name="image" descr="{&quot;templafy&quot;:{&quot;id&quot;:&quot;d9415127-4615-4f75-b477-f55516ea90d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74042647" name="image" descr="{&quot;templafy&quot;:{&quot;id&quot;:&quot;b3405aee-19cc-4d59-a091-d7a3920387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27" name="text" descr="{&quot;templafy&quot;:{&quot;id&quot;:&quot;d452e684-64c7-4927-a6a5-108e90df9a82&quot;}}" title="UserProfile.Name">
            <a:extLst>
              <a:ext uri="{FF2B5EF4-FFF2-40B4-BE49-F238E27FC236}">
                <a16:creationId xmlns:a16="http://schemas.microsoft.com/office/drawing/2014/main" id="{B6BB832E-6493-4DD7-A364-9E0DB47EA71F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28" name="text" descr="{&quot;templafy&quot;:{&quot;id&quot;:&quot;353b66ef-8904-478d-ab2f-a2abb6235707&quot;}}" title="Form.Manuel_dato">
            <a:extLst>
              <a:ext uri="{FF2B5EF4-FFF2-40B4-BE49-F238E27FC236}">
                <a16:creationId xmlns:a16="http://schemas.microsoft.com/office/drawing/2014/main" id="{179E6486-6C7F-4349-8118-4929CD2692F7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2269"/>
            <a:ext cx="7086600" cy="334036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17154C2-02F4-4D6A-9749-F6345FE82F05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16932010-4344-4A31-801D-86332CCC3A2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7F72AE4-A026-4950-A877-53A943FFFF16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15f20a01-245a-4cc7-842a-34812b99cb23&quot;}}" title="UserProfile.Office.Virksomhed_{{DocumentLanguage}}">
            <a:extLst>
              <a:ext uri="{FF2B5EF4-FFF2-40B4-BE49-F238E27FC236}">
                <a16:creationId xmlns:a16="http://schemas.microsoft.com/office/drawing/2014/main" id="{1688F4BD-789F-4D39-B51A-9B182FFAF988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2" name="text" descr="{&quot;templafy&quot;:{&quot;id&quot;:&quot;3f4ac7ea-436e-4526-9759-9743a1d28fc7&quot;}}" title="UserProfile.CenterFreeText">
            <a:extLst>
              <a:ext uri="{FF2B5EF4-FFF2-40B4-BE49-F238E27FC236}">
                <a16:creationId xmlns:a16="http://schemas.microsoft.com/office/drawing/2014/main" id="{C9507C16-D8CB-4CCF-A6E1-8BB17DFD52D1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3" name="text" descr="{&quot;templafy&quot;:{&quot;id&quot;:&quot;b331dc0e-fc16-4191-bb20-917dd69985fd&quot;}}" hidden="1" title="UserProfile.Centers.Center_{{DocumentLanguage}}">
            <a:extLst>
              <a:ext uri="{FF2B5EF4-FFF2-40B4-BE49-F238E27FC236}">
                <a16:creationId xmlns:a16="http://schemas.microsoft.com/office/drawing/2014/main" id="{1A6209A9-91A0-4D65-A32D-CC7D235A63D9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484818691" name="image" descr="{&quot;templafy&quot;:{&quot;id&quot;:&quot;3350fcbd-3e61-4926-9cf2-55930e3e9c5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18" name="text" descr="{&quot;templafy&quot;:{&quot;id&quot;:&quot;75904dcc-56bc-48d7-99ac-25736cbb41c1&quot;}}" title="Form.PresentationTitle">
            <a:extLst>
              <a:ext uri="{FF2B5EF4-FFF2-40B4-BE49-F238E27FC236}">
                <a16:creationId xmlns:a16="http://schemas.microsoft.com/office/drawing/2014/main" id="{432EE8C2-ED9B-41BE-834E-87895127141A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411751546" name="image" descr="{&quot;templafy&quot;:{&quot;id&quot;:&quot;e10013f4-c243-4062-94cc-240830e614b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146550877" name="image" descr="{&quot;templafy&quot;:{&quot;id&quot;:&quot;e58fcd98-a2dd-4db1-bba9-92dc6ab22bb8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36CB1BDE-6805-4098-B171-A9BAE61A7E6D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43026223" name="image" descr="{&quot;templafy&quot;:{&quot;id&quot;:&quot;79daf2ba-409f-4153-9347-db53c44d1af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30620927" name="image" descr="{&quot;templafy&quot;:{&quot;id&quot;:&quot;52d2be8b-6101-43a9-a0ff-8bb7207f0d8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612240241" name="image" descr="{&quot;templafy&quot;:{&quot;id&quot;:&quot;d0f8e1db-73a0-410e-a66e-4596342d0b6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26" name="text" descr="{&quot;templafy&quot;:{&quot;id&quot;:&quot;712b2dd6-970c-4bc6-a669-ad26509685ae&quot;}}" title="UserProfile.Name">
            <a:extLst>
              <a:ext uri="{FF2B5EF4-FFF2-40B4-BE49-F238E27FC236}">
                <a16:creationId xmlns:a16="http://schemas.microsoft.com/office/drawing/2014/main" id="{893517C2-C6BD-4E2F-B216-A8B58BF11B1C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27" name="text" descr="{&quot;templafy&quot;:{&quot;id&quot;:&quot;58e78ca8-3858-4c7f-9a05-8bda42e2635a&quot;}}" title="Form.Manuel_dato">
            <a:extLst>
              <a:ext uri="{FF2B5EF4-FFF2-40B4-BE49-F238E27FC236}">
                <a16:creationId xmlns:a16="http://schemas.microsoft.com/office/drawing/2014/main" id="{ABC9C868-C959-4218-8588-A4114C673D6D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425" y="1362075"/>
            <a:ext cx="7088400" cy="33408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7BB55899-1A9B-4146-A910-A4DDAEA085EE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B58D5CFA-933D-48FD-97D4-7A17AA393A0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23D92B-1908-4C4B-A547-90285EAC8961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9ba15685-8ab2-4766-892e-a2a5f74c7e38&quot;}}" title="UserProfile.Office.Virksomhed_{{DocumentLanguage}}">
            <a:extLst>
              <a:ext uri="{FF2B5EF4-FFF2-40B4-BE49-F238E27FC236}">
                <a16:creationId xmlns:a16="http://schemas.microsoft.com/office/drawing/2014/main" id="{FABB3F27-C64A-4847-A0F4-49D1ED43D277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2" name="text" descr="{&quot;templafy&quot;:{&quot;id&quot;:&quot;572765d0-d788-40ce-8a2b-df9dedea2871&quot;}}" title="UserProfile.CenterFreeText">
            <a:extLst>
              <a:ext uri="{FF2B5EF4-FFF2-40B4-BE49-F238E27FC236}">
                <a16:creationId xmlns:a16="http://schemas.microsoft.com/office/drawing/2014/main" id="{617E5582-9A32-475F-821C-6E596752CEE0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3" name="text" descr="{&quot;templafy&quot;:{&quot;id&quot;:&quot;df701d1f-3b15-4e1b-8112-423b98969819&quot;}}" hidden="1" title="UserProfile.Centers.Center_{{DocumentLanguage}}">
            <a:extLst>
              <a:ext uri="{FF2B5EF4-FFF2-40B4-BE49-F238E27FC236}">
                <a16:creationId xmlns:a16="http://schemas.microsoft.com/office/drawing/2014/main" id="{CC4AE1BB-94FD-4C60-AE1A-F9711352FBF6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2051082605" name="image" descr="{&quot;templafy&quot;:{&quot;id&quot;:&quot;9e1fc6df-2129-4157-9257-a68e9222d79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18" name="text" descr="{&quot;templafy&quot;:{&quot;id&quot;:&quot;90175a52-c773-4901-99a6-99fe5cd388f8&quot;}}" title="Form.PresentationTitle">
            <a:extLst>
              <a:ext uri="{FF2B5EF4-FFF2-40B4-BE49-F238E27FC236}">
                <a16:creationId xmlns:a16="http://schemas.microsoft.com/office/drawing/2014/main" id="{4F651AFC-72CA-4611-A624-D7C73FE42A74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808564345" name="image" descr="{&quot;templafy&quot;:{&quot;id&quot;:&quot;96b9abed-1ae1-4734-88a8-f10df70c739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714478478" name="image" descr="{&quot;templafy&quot;:{&quot;id&quot;:&quot;1c8a548b-3b2d-4f94-9855-7a64fc47f7b1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3" name="Region">
            <a:extLst>
              <a:ext uri="{FF2B5EF4-FFF2-40B4-BE49-F238E27FC236}">
                <a16:creationId xmlns:a16="http://schemas.microsoft.com/office/drawing/2014/main" id="{9880EE5B-6033-40D8-9E30-453194902307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460262384" name="image" descr="{&quot;templafy&quot;:{&quot;id&quot;:&quot;f2a68484-05b1-4cf2-8443-8acb35023e3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244179721" name="image" descr="{&quot;templafy&quot;:{&quot;id&quot;:&quot;4b7cb94b-fe1b-4da5-b97d-071f064b484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1305097165" name="image" descr="{&quot;templafy&quot;:{&quot;id&quot;:&quot;1db6e3ac-61d0-4e8a-9b24-b1d74338ea3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27" name="text" descr="{&quot;templafy&quot;:{&quot;id&quot;:&quot;308fc9c6-9baf-46c1-858c-9da5b075a73b&quot;}}" title="UserProfile.Name">
            <a:extLst>
              <a:ext uri="{FF2B5EF4-FFF2-40B4-BE49-F238E27FC236}">
                <a16:creationId xmlns:a16="http://schemas.microsoft.com/office/drawing/2014/main" id="{095CB35A-1AE2-4A10-AB62-CE5A4208B2C4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28" name="text" descr="{&quot;templafy&quot;:{&quot;id&quot;:&quot;107328bf-736c-4d36-a904-90fe29615f5e&quot;}}" title="Form.Manuel_dato">
            <a:extLst>
              <a:ext uri="{FF2B5EF4-FFF2-40B4-BE49-F238E27FC236}">
                <a16:creationId xmlns:a16="http://schemas.microsoft.com/office/drawing/2014/main" id="{7FBF063E-09E7-4F20-9D5E-F11C62D8EC3B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2"/>
            <a:ext cx="3317874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6174"/>
            <a:ext cx="3317875" cy="348964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889500" y="4985492"/>
            <a:ext cx="3564000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4884806" y="1371523"/>
            <a:ext cx="3570988" cy="348840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ACBFBDDF-D97D-43AB-8D92-F412E470040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2936F5-967C-4914-A711-95A64A95994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C9B31E7-9C37-4936-AB97-AD3063779E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text" descr="{&quot;templafy&quot;:{&quot;id&quot;:&quot;3193f9b1-95a4-4075-8ed4-fda875b63a9a&quot;}}" title="UserProfile.Office.Virksomhed_{{DocumentLanguage}}">
            <a:extLst>
              <a:ext uri="{FF2B5EF4-FFF2-40B4-BE49-F238E27FC236}">
                <a16:creationId xmlns:a16="http://schemas.microsoft.com/office/drawing/2014/main" id="{8EBC6907-67C7-4DDA-BFC8-25EE59069EE5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4" name="text" descr="{&quot;templafy&quot;:{&quot;id&quot;:&quot;07dab9e3-0ac2-4714-8011-333b7a12bf7b&quot;}}" title="UserProfile.CenterFreeText">
            <a:extLst>
              <a:ext uri="{FF2B5EF4-FFF2-40B4-BE49-F238E27FC236}">
                <a16:creationId xmlns:a16="http://schemas.microsoft.com/office/drawing/2014/main" id="{A1D42DFF-E792-4D46-B255-1F478E72C4C7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5" name="text" descr="{&quot;templafy&quot;:{&quot;id&quot;:&quot;aca086ad-2350-4d31-b6df-d62eefd00455&quot;}}" hidden="1" title="UserProfile.Centers.Center_{{DocumentLanguage}}">
            <a:extLst>
              <a:ext uri="{FF2B5EF4-FFF2-40B4-BE49-F238E27FC236}">
                <a16:creationId xmlns:a16="http://schemas.microsoft.com/office/drawing/2014/main" id="{D0D9D81A-BF21-4A78-B194-312251172454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872817365" name="image" descr="{&quot;templafy&quot;:{&quot;id&quot;:&quot;96cbdd4a-26fa-4df5-99be-d72d09fa67b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21" name="text" descr="{&quot;templafy&quot;:{&quot;id&quot;:&quot;933dd4df-8313-4605-bf50-53db18611176&quot;}}" title="Form.PresentationTitle">
            <a:extLst>
              <a:ext uri="{FF2B5EF4-FFF2-40B4-BE49-F238E27FC236}">
                <a16:creationId xmlns:a16="http://schemas.microsoft.com/office/drawing/2014/main" id="{855271E2-8C05-4F04-BC67-E88D95E7CD0B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1996238232" name="image" descr="{&quot;templafy&quot;:{&quot;id&quot;:&quot;f4955300-5805-4dc5-ade6-f1441e871420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2112710343" name="image" descr="{&quot;templafy&quot;:{&quot;id&quot;:&quot;5fd59fc1-8a08-457d-a404-366a0620684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5317F64A-B543-44BE-A513-87EC70C63ED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6659417" name="image" descr="{&quot;templafy&quot;:{&quot;id&quot;:&quot;4e494ab5-f2d6-48ba-9054-62c8bc3aabd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553550668" name="image" descr="{&quot;templafy&quot;:{&quot;id&quot;:&quot;f827307c-b93e-414c-b3ed-69d57477110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2126468330" name="image" descr="{&quot;templafy&quot;:{&quot;id&quot;:&quot;6900b012-e1f8-4d3d-83e8-f06e1cb1e9a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30" name="text" descr="{&quot;templafy&quot;:{&quot;id&quot;:&quot;1d7b5a8b-a147-4198-add8-e7f4a56dcbc7&quot;}}" title="UserProfile.Name">
            <a:extLst>
              <a:ext uri="{FF2B5EF4-FFF2-40B4-BE49-F238E27FC236}">
                <a16:creationId xmlns:a16="http://schemas.microsoft.com/office/drawing/2014/main" id="{8FE2A232-F102-4273-8102-2D19496866F2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31" name="text" descr="{&quot;templafy&quot;:{&quot;id&quot;:&quot;4d59cdb4-2895-4dd6-a853-14d8f57f7738&quot;}}" title="Form.Manuel_dato">
            <a:extLst>
              <a:ext uri="{FF2B5EF4-FFF2-40B4-BE49-F238E27FC236}">
                <a16:creationId xmlns:a16="http://schemas.microsoft.com/office/drawing/2014/main" id="{D1920EDA-44CC-44FA-B042-85317344E954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908719"/>
            <a:ext cx="7091788" cy="1125943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71600" y="4931361"/>
            <a:ext cx="3317874" cy="55662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8000" y="2328862"/>
            <a:ext cx="3319200" cy="2476561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4888800" y="2327275"/>
            <a:ext cx="3570988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FE860F95-34D8-4068-8A87-A7D734D50A0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6D33EB4F-8148-4FB4-ADCF-9ACCCDEF592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C231AF4-8ADE-4D21-9149-B1957F9F5914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text" descr="{&quot;templafy&quot;:{&quot;id&quot;:&quot;9b24936f-b4e3-4bc1-9635-a1bb6adfee53&quot;}}" title="UserProfile.Office.Virksomhed_{{DocumentLanguage}}">
            <a:extLst>
              <a:ext uri="{FF2B5EF4-FFF2-40B4-BE49-F238E27FC236}">
                <a16:creationId xmlns:a16="http://schemas.microsoft.com/office/drawing/2014/main" id="{5A0FF4AC-6696-4B9C-AE6B-0355E094E46B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3" name="text" descr="{&quot;templafy&quot;:{&quot;id&quot;:&quot;41370d8a-0efd-4772-88ef-5046f6b80bc1&quot;}}" title="UserProfile.CenterFreeText">
            <a:extLst>
              <a:ext uri="{FF2B5EF4-FFF2-40B4-BE49-F238E27FC236}">
                <a16:creationId xmlns:a16="http://schemas.microsoft.com/office/drawing/2014/main" id="{4B787C54-494D-4F8C-BBF0-653E77F03F8F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4" name="text" descr="{&quot;templafy&quot;:{&quot;id&quot;:&quot;27faf079-a642-489a-961c-edd6916a5d1c&quot;}}" hidden="1" title="UserProfile.Centers.Center_{{DocumentLanguage}}">
            <a:extLst>
              <a:ext uri="{FF2B5EF4-FFF2-40B4-BE49-F238E27FC236}">
                <a16:creationId xmlns:a16="http://schemas.microsoft.com/office/drawing/2014/main" id="{594524CE-7C16-4957-8DF1-496ED9E2946D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pic>
        <p:nvPicPr>
          <p:cNvPr id="1938821418" name="image" descr="{&quot;templafy&quot;:{&quot;id&quot;:&quot;0a7f22fa-e693-4f6e-891b-436797277db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19" name="text" descr="{&quot;templafy&quot;:{&quot;id&quot;:&quot;8fc9ec1c-dcdf-4e81-aa63-e0d4736214fa&quot;}}" title="Form.PresentationTitle">
            <a:extLst>
              <a:ext uri="{FF2B5EF4-FFF2-40B4-BE49-F238E27FC236}">
                <a16:creationId xmlns:a16="http://schemas.microsoft.com/office/drawing/2014/main" id="{7216B696-8E09-4714-83DE-40483C1B8C14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1418555098" name="image" descr="{&quot;templafy&quot;:{&quot;id&quot;:&quot;67f95271-c770-40a5-91b5-22bd85ca98a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1772339738" name="image" descr="{&quot;templafy&quot;:{&quot;id&quot;:&quot;30954547-548d-4da9-8cb2-d33b2c8dad1f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3" name="Region">
            <a:extLst>
              <a:ext uri="{FF2B5EF4-FFF2-40B4-BE49-F238E27FC236}">
                <a16:creationId xmlns:a16="http://schemas.microsoft.com/office/drawing/2014/main" id="{CAB50921-B206-466C-A833-B8DB281791F5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09994594" name="image" descr="{&quot;templafy&quot;:{&quot;id&quot;:&quot;3419a876-dd60-4b1d-818d-405daa47454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22501754" name="image" descr="{&quot;templafy&quot;:{&quot;id&quot;:&quot;b2b26f6e-1b36-4d98-8234-812883db8b2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1274810296" name="image" descr="{&quot;templafy&quot;:{&quot;id&quot;:&quot;f68d653c-f5ab-4922-9aea-e1b4dd9ae573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30" name="text" descr="{&quot;templafy&quot;:{&quot;id&quot;:&quot;213ad0de-b478-4cbd-9f85-94d997e1fe61&quot;}}" title="UserProfile.Name">
            <a:extLst>
              <a:ext uri="{FF2B5EF4-FFF2-40B4-BE49-F238E27FC236}">
                <a16:creationId xmlns:a16="http://schemas.microsoft.com/office/drawing/2014/main" id="{67CB7E92-8F44-4C07-A315-FB9DDA6E13C2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31" name="text" descr="{&quot;templafy&quot;:{&quot;id&quot;:&quot;647e2d79-4f73-4411-b73a-98c2935e3078&quot;}}" title="Form.Manuel_dato">
            <a:extLst>
              <a:ext uri="{FF2B5EF4-FFF2-40B4-BE49-F238E27FC236}">
                <a16:creationId xmlns:a16="http://schemas.microsoft.com/office/drawing/2014/main" id="{0A3000AE-97A7-4FBE-A0D0-9684BE388D38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08920"/>
            <a:ext cx="7086600" cy="2775893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pic>
        <p:nvPicPr>
          <p:cNvPr id="1796391093" name="image" descr="{&quot;templafy&quot;:{&quot;id&quot;:&quot;4de88b5c-187a-4f40-9ac6-88b85d10ed3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038350"/>
            <a:ext cx="684000" cy="4820400"/>
          </a:xfrm>
          <a:prstGeom prst="rect">
            <a:avLst/>
          </a:prstGeom>
        </p:spPr>
      </p:pic>
      <p:pic>
        <p:nvPicPr>
          <p:cNvPr id="432116675" name="image" descr="{&quot;templafy&quot;:{&quot;id&quot;:&quot;a0690993-b295-4760-8221-73ebaf6aa066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2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1936747893" name="image" descr="{&quot;templafy&quot;:{&quot;id&quot;:&quot;e8cb9831-c999-4917-ba88-3f4caff3117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12327BD-391C-4F61-B3A2-5588622E84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1FBE1271-081D-48D0-B6A4-5E2A06A194A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5A0926D-A7BE-434E-BC93-4B0C02A99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8" name="text" descr="{&quot;templafy&quot;:{&quot;id&quot;:&quot;01f242c6-c838-4a0b-9092-aac6d9f29ca5&quot;}}" title="UserProfile.Office.Virksomhed_{{DocumentLanguage}}">
            <a:extLst>
              <a:ext uri="{FF2B5EF4-FFF2-40B4-BE49-F238E27FC236}">
                <a16:creationId xmlns:a16="http://schemas.microsoft.com/office/drawing/2014/main" id="{A4281AF1-D816-4874-9006-047F7EA2B126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chemeClr val="tx1"/>
                </a:solidFill>
              </a:rPr>
              <a:t>Hvidovre Hospital</a:t>
            </a:r>
          </a:p>
        </p:txBody>
      </p:sp>
      <p:sp>
        <p:nvSpPr>
          <p:cNvPr id="23" name="text" descr="{&quot;templafy&quot;:{&quot;id&quot;:&quot;0906f01c-b9a4-4f4b-9aac-1713606b5a74&quot;}}" title="UserProfile.CenterFreeText">
            <a:extLst>
              <a:ext uri="{FF2B5EF4-FFF2-40B4-BE49-F238E27FC236}">
                <a16:creationId xmlns:a16="http://schemas.microsoft.com/office/drawing/2014/main" id="{B213B7B7-80C9-4824-8FA7-C70222E82DAC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24" name="text" descr="{&quot;templafy&quot;:{&quot;id&quot;:&quot;1ff86e7d-75cf-489d-8577-f16d01bf8712&quot;}}" hidden="1" title="UserProfile.Centers.Center_{{DocumentLanguage}}">
            <a:extLst>
              <a:ext uri="{FF2B5EF4-FFF2-40B4-BE49-F238E27FC236}">
                <a16:creationId xmlns:a16="http://schemas.microsoft.com/office/drawing/2014/main" id="{412AA31D-B811-48B2-862E-1252823B7A23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sp>
        <p:nvSpPr>
          <p:cNvPr id="25" name="text" descr="{&quot;templafy&quot;:{&quot;id&quot;:&quot;15caa751-34f7-4cbd-81f5-5d3ad09bbe72&quot;}}" title="Form.PresentationTitle">
            <a:extLst>
              <a:ext uri="{FF2B5EF4-FFF2-40B4-BE49-F238E27FC236}">
                <a16:creationId xmlns:a16="http://schemas.microsoft.com/office/drawing/2014/main" id="{DFFB8060-662E-4E22-8CE6-708A7C941283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tx1"/>
              </a:solidFill>
            </a:endParaRPr>
          </a:p>
        </p:txBody>
      </p:sp>
      <p:pic>
        <p:nvPicPr>
          <p:cNvPr id="1474210185" name="image" descr="{&quot;templafy&quot;:{&quot;id&quot;:&quot;70e0214e-4f58-47db-8b0f-aee65d45e56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517087261" name="image" descr="{&quot;templafy&quot;:{&quot;id&quot;:&quot;a4376921-da45-4d33-b59c-6208aae82f2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1246751363" name="image" descr="{&quot;templafy&quot;:{&quot;id&quot;:&quot;146d4a5d-d685-4043-a876-50361790e33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27" name="text" descr="{&quot;templafy&quot;:{&quot;id&quot;:&quot;b2aaeb1b-445c-4242-9788-f212df8030dc&quot;}}" title="UserProfile.Name">
            <a:extLst>
              <a:ext uri="{FF2B5EF4-FFF2-40B4-BE49-F238E27FC236}">
                <a16:creationId xmlns:a16="http://schemas.microsoft.com/office/drawing/2014/main" id="{547A643E-BF63-4D67-BCE2-51D5141133A2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tx1"/>
                </a:solidFill>
              </a:rPr>
              <a:t>Dorte Evaristi Sarovic</a:t>
            </a:r>
          </a:p>
        </p:txBody>
      </p:sp>
      <p:sp>
        <p:nvSpPr>
          <p:cNvPr id="28" name="text" descr="{&quot;templafy&quot;:{&quot;id&quot;:&quot;3590751b-8628-4ba8-b2a2-e4d3f9dc18b8&quot;}}" title="Form.Manuel_dato">
            <a:extLst>
              <a:ext uri="{FF2B5EF4-FFF2-40B4-BE49-F238E27FC236}">
                <a16:creationId xmlns:a16="http://schemas.microsoft.com/office/drawing/2014/main" id="{77F4FF04-F22E-4064-9B0E-E09FFB8A6B69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9FBE294-13FF-43DC-8C23-1C05019B47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0BEC171D-1FFC-4429-BA1C-D54F8512A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0587E9E-2A5A-4151-9635-D5C1EA410E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964980194" name="image" descr="{&quot;templafy&quot;:{&quot;id&quot;:&quot;061de2ec-5ee1-4d82-8dc7-635e4522cd8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197"/>
            <a:ext cx="684000" cy="684000"/>
          </a:xfrm>
          <a:prstGeom prst="rect">
            <a:avLst/>
          </a:prstGeom>
        </p:spPr>
      </p:pic>
      <p:pic>
        <p:nvPicPr>
          <p:cNvPr id="1137113552" name="image" descr="{&quot;templafy&quot;:{&quot;id&quot;:&quot;fe2194fa-a2a1-4f7a-a389-81013de6993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C53031CB-74BD-4719-9B2C-B7DF1E9337E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d57c103f-48c8-4874-94ef-c67c2173ba75&quot;}}" title="UserProfile.Office.Virksomhed_{{DocumentLanguage}}">
            <a:extLst>
              <a:ext uri="{FF2B5EF4-FFF2-40B4-BE49-F238E27FC236}">
                <a16:creationId xmlns:a16="http://schemas.microsoft.com/office/drawing/2014/main" id="{2CD4BC28-39CA-4C76-B2D1-C519C001565F}"/>
              </a:ext>
            </a:extLst>
          </p:cNvPr>
          <p:cNvSpPr txBox="1"/>
          <p:nvPr userDrawn="1"/>
        </p:nvSpPr>
        <p:spPr>
          <a:xfrm>
            <a:off x="1371598" y="255600"/>
            <a:ext cx="33084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vidovre Hospital</a:t>
            </a:r>
          </a:p>
        </p:txBody>
      </p:sp>
      <p:sp>
        <p:nvSpPr>
          <p:cNvPr id="12" name="text" descr="{&quot;templafy&quot;:{&quot;id&quot;:&quot;97eebfe8-7631-4039-87cd-7662ac33cb9e&quot;}}" title="UserProfile.CenterFreeText">
            <a:extLst>
              <a:ext uri="{FF2B5EF4-FFF2-40B4-BE49-F238E27FC236}">
                <a16:creationId xmlns:a16="http://schemas.microsoft.com/office/drawing/2014/main" id="{AD5F473E-AA5A-4898-A7E8-DAA5C175ED1C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rgbClr val="B3B3B3"/>
                </a:solidFill>
              </a:rPr>
              <a:t>Ortopædkirurgisk afdeling</a:t>
            </a:r>
          </a:p>
        </p:txBody>
      </p:sp>
      <p:sp>
        <p:nvSpPr>
          <p:cNvPr id="13" name="text" descr="{&quot;templafy&quot;:{&quot;id&quot;:&quot;f1e8872c-2e11-45f6-a03e-cc317b24ed2b&quot;}}" hidden="1" title="UserProfile.Centers.Center_{{DocumentLanguage}}">
            <a:extLst>
              <a:ext uri="{FF2B5EF4-FFF2-40B4-BE49-F238E27FC236}">
                <a16:creationId xmlns:a16="http://schemas.microsoft.com/office/drawing/2014/main" id="{51A7B156-FF57-4BEC-952E-8D531F4193E7}"/>
              </a:ext>
            </a:extLst>
          </p:cNvPr>
          <p:cNvSpPr txBox="1">
            <a:spLocks/>
          </p:cNvSpPr>
          <p:nvPr userDrawn="1"/>
        </p:nvSpPr>
        <p:spPr>
          <a:xfrm>
            <a:off x="1371600" y="450000"/>
            <a:ext cx="3306763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rgbClr val="B3B3B3"/>
              </a:solidFill>
            </a:endParaRPr>
          </a:p>
        </p:txBody>
      </p:sp>
      <p:sp>
        <p:nvSpPr>
          <p:cNvPr id="14" name="text" descr="{&quot;templafy&quot;:{&quot;id&quot;:&quot;baedfcce-b757-48c4-9916-7d34212a5766&quot;}}" title="Form.PresentationTitle">
            <a:extLst>
              <a:ext uri="{FF2B5EF4-FFF2-40B4-BE49-F238E27FC236}">
                <a16:creationId xmlns:a16="http://schemas.microsoft.com/office/drawing/2014/main" id="{55E70CDE-A738-4AA4-8A97-9045B1FA98CC}"/>
              </a:ext>
            </a:extLst>
          </p:cNvPr>
          <p:cNvSpPr txBox="1"/>
          <p:nvPr userDrawn="1"/>
        </p:nvSpPr>
        <p:spPr>
          <a:xfrm>
            <a:off x="1371600" y="6290559"/>
            <a:ext cx="248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900" dirty="0">
              <a:solidFill>
                <a:schemeClr val="bg1"/>
              </a:solidFill>
            </a:endParaRPr>
          </a:p>
        </p:txBody>
      </p:sp>
      <p:pic>
        <p:nvPicPr>
          <p:cNvPr id="465530438" name="image" descr="{&quot;templafy&quot;:{&quot;id&quot;:&quot;dbbe7658-5689-4614-9183-af0fc2f5564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55200" y="6314400"/>
            <a:ext cx="1324800" cy="421200"/>
          </a:xfrm>
          <a:prstGeom prst="rect">
            <a:avLst/>
          </a:prstGeom>
        </p:spPr>
      </p:pic>
      <p:pic>
        <p:nvPicPr>
          <p:cNvPr id="1115926852" name="image" descr="{&quot;templafy&quot;:{&quot;id&quot;:&quot;d86d7fcc-604b-44b3-825a-37f48829ce3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4762" y="872704"/>
            <a:ext cx="871200" cy="900000"/>
          </a:xfrm>
          <a:prstGeom prst="rect">
            <a:avLst/>
          </a:prstGeom>
        </p:spPr>
      </p:pic>
      <p:pic>
        <p:nvPicPr>
          <p:cNvPr id="1945600431" name="image" descr="{&quot;templafy&quot;:{&quot;id&quot;:&quot;054e0e5e-2aed-45bb-a2d4-d131d1c9c24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27234" y="260648"/>
            <a:ext cx="871200" cy="900000"/>
          </a:xfrm>
          <a:prstGeom prst="rect">
            <a:avLst/>
          </a:prstGeom>
        </p:spPr>
      </p:pic>
      <p:pic>
        <p:nvPicPr>
          <p:cNvPr id="1770787527" name="image" descr="{&quot;templafy&quot;:{&quot;id&quot;:&quot;4059a190-fa6f-4cc7-a342-e02ad7b8644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01200" y="97200"/>
            <a:ext cx="2178000" cy="684000"/>
          </a:xfrm>
          <a:prstGeom prst="rect">
            <a:avLst/>
          </a:prstGeom>
        </p:spPr>
      </p:pic>
      <p:sp>
        <p:nvSpPr>
          <p:cNvPr id="18" name="text" descr="{&quot;templafy&quot;:{&quot;id&quot;:&quot;6c37cd9e-e1b8-4842-9050-5748b728234d&quot;}}" title="UserProfile.Name">
            <a:extLst>
              <a:ext uri="{FF2B5EF4-FFF2-40B4-BE49-F238E27FC236}">
                <a16:creationId xmlns:a16="http://schemas.microsoft.com/office/drawing/2014/main" id="{4A46965D-CE77-4010-998E-C47EE5ABEA20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900" dirty="0" err="1">
                <a:solidFill>
                  <a:schemeClr val="bg1"/>
                </a:solidFill>
              </a:rPr>
              <a:t>Dorte Evaristi Sarovic</a:t>
            </a:r>
          </a:p>
        </p:txBody>
      </p:sp>
      <p:sp>
        <p:nvSpPr>
          <p:cNvPr id="19" name="text" descr="{&quot;templafy&quot;:{&quot;id&quot;:&quot;78bcee6b-7454-4a6c-969b-ed5aa1c928d8&quot;}}" title="Form.Manuel_dato">
            <a:extLst>
              <a:ext uri="{FF2B5EF4-FFF2-40B4-BE49-F238E27FC236}">
                <a16:creationId xmlns:a16="http://schemas.microsoft.com/office/drawing/2014/main" id="{73E438A8-24A6-4089-B3E3-BA20ED58AD16}"/>
              </a:ext>
            </a:extLst>
          </p:cNvPr>
          <p:cNvSpPr txBox="1"/>
          <p:nvPr userDrawn="1"/>
        </p:nvSpPr>
        <p:spPr>
          <a:xfrm>
            <a:off x="5918400" y="6289200"/>
            <a:ext cx="2300400" cy="1404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900" dirty="0" err="1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13"/>
          <p:cNvSpPr/>
          <p:nvPr/>
        </p:nvSpPr>
        <p:spPr>
          <a:xfrm>
            <a:off x="611560" y="6174000"/>
            <a:ext cx="8532007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3" name="Rektangel 12"/>
          <p:cNvSpPr/>
          <p:nvPr/>
        </p:nvSpPr>
        <p:spPr>
          <a:xfrm>
            <a:off x="8460000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Rektangel 7"/>
          <p:cNvSpPr/>
          <p:nvPr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11" name="Rektangel" descr="{&quot;templafy&quot;:{&quot;id&quot;:&quot;410ad4fc-136e-4946-bbbf-a9219bad673b&quot;}}" title="image"/>
          <p:cNvSpPr/>
          <p:nvPr/>
        </p:nvSpPr>
        <p:spPr>
          <a:xfrm>
            <a:off x="0" y="6174197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11259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8000" y="2329200"/>
            <a:ext cx="7092000" cy="31587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5" name="Footer" hidden="1">
            <a:extLst>
              <a:ext uri="{FF2B5EF4-FFF2-40B4-BE49-F238E27FC236}">
                <a16:creationId xmlns:a16="http://schemas.microsoft.com/office/drawing/2014/main" id="{07DCFC77-11FA-44DE-8384-D9D4E585CC0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26" name="Dato" hidden="1">
            <a:extLst>
              <a:ext uri="{FF2B5EF4-FFF2-40B4-BE49-F238E27FC236}">
                <a16:creationId xmlns:a16="http://schemas.microsoft.com/office/drawing/2014/main" id="{97CC762B-B09C-4496-9EFB-E1C56435B0A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58" r:id="rId8"/>
    <p:sldLayoutId id="2147483655" r:id="rId9"/>
    <p:sldLayoutId id="2147483663" r:id="rId10"/>
    <p:sldLayoutId id="2147483667" r:id="rId11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pos="849" userDrawn="1">
          <p15:clr>
            <a:srgbClr val="F26B43"/>
          </p15:clr>
        </p15:guide>
        <p15:guide id="4" pos="5330" userDrawn="1">
          <p15:clr>
            <a:srgbClr val="F26B43"/>
          </p15:clr>
        </p15:guide>
        <p15:guide id="5" orient="horz" pos="1284" userDrawn="1">
          <p15:clr>
            <a:srgbClr val="F26B43"/>
          </p15:clr>
        </p15:guide>
        <p15:guide id="6" orient="horz" pos="1467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8" pos="2947" userDrawn="1">
          <p15:clr>
            <a:srgbClr val="F26B43"/>
          </p15:clr>
        </p15:guide>
        <p15:guide id="9" pos="307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4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6831F943-58BC-4D23-9EFB-858A77C80C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71600" y="2720891"/>
            <a:ext cx="6402625" cy="1428189"/>
          </a:xfr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40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Mobilisering – En Tværprofessionel Indsats</a:t>
            </a:r>
            <a:r>
              <a:rPr lang="da-DK" sz="28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da-DK" sz="28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dirty="0"/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54E83C61-BEA1-4276-AB84-BD5DE940F04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371600" y="4365104"/>
            <a:ext cx="6400800" cy="1624832"/>
          </a:xfrm>
        </p:spPr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en-US" i="1" dirty="0">
                <a:ea typeface="Calibri" panose="020F0502020204030204" pitchFamily="34" charset="0"/>
                <a:cs typeface="Times New Roman" panose="02020603050405020304" pitchFamily="18" charset="0"/>
              </a:rPr>
              <a:t>Trine Schifter Larsen</a:t>
            </a:r>
            <a:r>
              <a:rPr lang="en-US" i="1" baseline="30000" dirty="0">
                <a:ea typeface="Calibri" panose="020F0502020204030204" pitchFamily="34" charset="0"/>
                <a:cs typeface="Times New Roman" panose="02020603050405020304" pitchFamily="18" charset="0"/>
              </a:rPr>
              <a:t>1,2</a:t>
            </a:r>
            <a:r>
              <a:rPr lang="en-US" i="1" dirty="0">
                <a:ea typeface="Calibri" panose="020F0502020204030204" pitchFamily="34" charset="0"/>
                <a:cs typeface="Times New Roman" panose="02020603050405020304" pitchFamily="18" charset="0"/>
              </a:rPr>
              <a:t>, Lone Assafi</a:t>
            </a:r>
            <a:r>
              <a:rPr lang="en-US" i="1" baseline="30000" dirty="0"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r>
              <a:rPr lang="en-US" i="1" dirty="0">
                <a:ea typeface="Calibri" panose="020F0502020204030204" pitchFamily="34" charset="0"/>
                <a:cs typeface="Times New Roman" panose="02020603050405020304" pitchFamily="18" charset="0"/>
              </a:rPr>
              <a:t>, Dorte Evaristi</a:t>
            </a:r>
            <a:r>
              <a:rPr lang="en-US" i="1" baseline="30000" dirty="0">
                <a:ea typeface="Calibri" panose="020F0502020204030204" pitchFamily="34" charset="0"/>
                <a:cs typeface="Times New Roman" panose="02020603050405020304" pitchFamily="18" charset="0"/>
              </a:rPr>
              <a:t>1</a:t>
            </a:r>
            <a:endParaRPr lang="da-DK" sz="18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1. Sygeplejefaglig Forskningsenhed Ortopædkirurgisk Afdeling, Amager og Hvidovre Hospital. 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600" dirty="0">
                <a:ea typeface="Calibri" panose="020F0502020204030204" pitchFamily="34" charset="0"/>
                <a:cs typeface="Times New Roman" panose="02020603050405020304" pitchFamily="18" charset="0"/>
              </a:rPr>
              <a:t>2. Klinisk Forskningsafdeling, Amager og Hvidovre Hospital</a:t>
            </a:r>
          </a:p>
          <a:p>
            <a:endParaRPr lang="da-DK" dirty="0"/>
          </a:p>
        </p:txBody>
      </p:sp>
      <p:sp>
        <p:nvSpPr>
          <p:cNvPr id="5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333BF208-26DF-41D4-B0CF-D0AD602463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84182" y="764705"/>
            <a:ext cx="7075817" cy="597306"/>
          </a:xfrm>
        </p:spPr>
        <p:txBody>
          <a:bodyPr/>
          <a:lstStyle/>
          <a:p>
            <a:r>
              <a:rPr lang="da-DK" dirty="0"/>
              <a:t>Formål og mål</a:t>
            </a:r>
          </a:p>
        </p:txBody>
      </p:sp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027B50DD-9AAE-404A-B901-09BCAA4D4AD8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425" y="1556791"/>
            <a:ext cx="7596063" cy="4536503"/>
          </a:xfrm>
        </p:spPr>
        <p:txBody>
          <a:bodyPr/>
          <a:lstStyle/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Med afsæt i teorien om relationel koordinering undersøger projektet det tværprofessionelle samarbejde i det accelererede patientforløb for hoftenære frakturer med henblik på at udvikle og implementere interventioner til styrkelse af det tværprofessionelle samarbejde omkring mobilisering.</a:t>
            </a:r>
          </a:p>
          <a:p>
            <a:pPr marL="0" indent="0">
              <a:buNone/>
            </a:pPr>
            <a:endParaRPr lang="da-DK" sz="24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R="84455" lvl="0">
              <a:lnSpc>
                <a:spcPct val="107000"/>
              </a:lnSpc>
              <a:spcBef>
                <a:spcPts val="215"/>
              </a:spcBef>
              <a:spcAft>
                <a:spcPts val="800"/>
              </a:spcAft>
              <a:buClr>
                <a:srgbClr val="999999"/>
              </a:buClr>
            </a:pPr>
            <a:r>
              <a:rPr lang="da-DK" sz="2400" dirty="0">
                <a:solidFill>
                  <a:srgbClr val="333333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Det </a:t>
            </a:r>
            <a:r>
              <a:rPr lang="da-DK" sz="2400" i="1" dirty="0">
                <a:solidFill>
                  <a:srgbClr val="333333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fælles mål,</a:t>
            </a:r>
            <a:r>
              <a:rPr lang="da-DK" sz="2400" dirty="0">
                <a:solidFill>
                  <a:srgbClr val="333333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 der blev defineret, var at alle patienter, der kan, skal mobiliseres til siddende stilling inden indtagelse af morgenmad og medicin.  </a:t>
            </a:r>
            <a:endParaRPr lang="da-DK" sz="2000" dirty="0">
              <a:solidFill>
                <a:srgbClr val="333333"/>
              </a:solidFill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sz="20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3" name="USR_Name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LD_PresentationTitle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2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598613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3FB8067E-3FFA-4AC1-A489-D243CB6C1C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C32CF0EC-2E05-4BCE-AFF6-702856D03A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7FEB016-0685-4A75-A610-879EAB90713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F43EDC4-A536-42CB-BFD5-11C72F4FCA1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15510" y="980728"/>
            <a:ext cx="5908818" cy="3901624"/>
          </a:xfrm>
          <a:prstGeom prst="rect">
            <a:avLst/>
          </a:prstGeom>
        </p:spPr>
      </p:pic>
      <p:sp>
        <p:nvSpPr>
          <p:cNvPr id="6" name="Rektangel 5">
            <a:extLst>
              <a:ext uri="{FF2B5EF4-FFF2-40B4-BE49-F238E27FC236}">
                <a16:creationId xmlns:a16="http://schemas.microsoft.com/office/drawing/2014/main" id="{9F74C4E2-3753-4F28-A638-84114338D0EE}"/>
              </a:ext>
            </a:extLst>
          </p:cNvPr>
          <p:cNvSpPr/>
          <p:nvPr/>
        </p:nvSpPr>
        <p:spPr>
          <a:xfrm>
            <a:off x="2627784" y="4869160"/>
            <a:ext cx="4572000" cy="8731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200" b="1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igur 1</a:t>
            </a:r>
            <a:r>
              <a:rPr lang="da-DK" sz="1200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Det accelererede patientforløb, udbygget med teorien om relationel koordinering. Figuren er udarbejdet af Den Sygeplejefaglige Forskningsenhed, Ortopædkirurgisk afdeling, Amager og Hvidovre Hospital.</a:t>
            </a:r>
            <a:endParaRPr lang="da-DK" sz="11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384355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AFFD41B-EA9A-4496-9477-057AAED65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692696"/>
            <a:ext cx="7092000" cy="607598"/>
          </a:xfrm>
        </p:spPr>
        <p:txBody>
          <a:bodyPr/>
          <a:lstStyle/>
          <a:p>
            <a:r>
              <a:rPr lang="da-DK" dirty="0"/>
              <a:t>Metod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08AFF4C-4E47-4D61-B27A-29142B4727C6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425" y="1556792"/>
            <a:ext cx="7524055" cy="4536504"/>
          </a:xfrm>
        </p:spPr>
        <p:txBody>
          <a:bodyPr/>
          <a:lstStyle/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Med</a:t>
            </a:r>
            <a:r>
              <a:rPr lang="da-DK" sz="2400" b="1" dirty="0"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kvalitative interviews som metode undersøges det tværprofessionelle samarbejde, og i samarbejde med personalet udvikles der på baggrund af resultaterne interventioner, som løbende er blevet justeret i samarbejde med personalet og gennem feltobservationer.</a:t>
            </a:r>
            <a:endParaRPr lang="da-DK" sz="2000" dirty="0"/>
          </a:p>
          <a:p>
            <a:pPr lvl="0">
              <a:buClr>
                <a:srgbClr val="999999"/>
              </a:buClr>
            </a:pPr>
            <a:r>
              <a:rPr lang="da-DK" sz="2000" dirty="0">
                <a:solidFill>
                  <a:srgbClr val="333333"/>
                </a:solidFill>
                <a:ea typeface="Times New Roman" panose="02020603050405020304" pitchFamily="18" charset="0"/>
              </a:rPr>
              <a:t>‘Morgenplanlægningstavle’ Formålet var at fremme problemløsende kommunikation ved at prioritere og tydeliggøre arbejdsopgaver og ansvarsområder. </a:t>
            </a:r>
          </a:p>
          <a:p>
            <a:pPr marR="36195" lvl="0">
              <a:lnSpc>
                <a:spcPct val="107000"/>
              </a:lnSpc>
              <a:spcAft>
                <a:spcPts val="800"/>
              </a:spcAft>
              <a:buClr>
                <a:srgbClr val="999999"/>
              </a:buClr>
            </a:pPr>
            <a:r>
              <a:rPr lang="da-DK" sz="2000" dirty="0">
                <a:solidFill>
                  <a:srgbClr val="333333"/>
                </a:solidFill>
                <a:ea typeface="Times New Roman" panose="02020603050405020304" pitchFamily="18" charset="0"/>
                <a:cs typeface="Times New Roman" panose="02020603050405020304" pitchFamily="18" charset="0"/>
              </a:rPr>
              <a:t>Tværprofessionel kl. 9-samling, med det formål at fremme elementerne: hyppig, rettidig og præcis kommunikation.  </a:t>
            </a:r>
            <a:endParaRPr lang="da-DK" sz="2000" dirty="0">
              <a:solidFill>
                <a:srgbClr val="333333"/>
              </a:solidFill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736783-66D7-484D-93C2-484D6A52B1DB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25F274E-C817-4923-85D2-512005AFE15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9F5FE79-231B-48A5-B57A-04F0BA15E87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5746936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5588DC7-EB15-4EBE-820E-468BE28623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497297"/>
          </a:xfrm>
        </p:spPr>
        <p:txBody>
          <a:bodyPr/>
          <a:lstStyle/>
          <a:p>
            <a:r>
              <a:rPr lang="da-DK" dirty="0"/>
              <a:t>Resultat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D8717B6-D296-4810-B272-7CC53FF6900B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425" y="1556793"/>
            <a:ext cx="7091363" cy="3931196"/>
          </a:xfrm>
        </p:spPr>
        <p:txBody>
          <a:bodyPr/>
          <a:lstStyle/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Det tværprofessionelle samarbejde omkring mobiliseringsopgaven viste sig udfordret grundet funktionelle mål i stedet for fælles mål samt uklar ansvarsfordeling. </a:t>
            </a:r>
          </a:p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Interventionerne blev udviklet med det formål at styrke de tværprofessionelle relationer gennem forbedret kommunikation og tydeligere ansvarsfordeling omkring mobilisering. </a:t>
            </a:r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B1A63C1-0F5C-489B-8C81-6B410E86AAC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31A64ED-4226-4E84-A977-2193E9D15E7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FC81078-4E16-4CCD-8898-CC100882C034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5479930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73181C1-ED0E-4BF8-B06D-BDF98A710A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68000" y="872715"/>
            <a:ext cx="7092000" cy="497297"/>
          </a:xfrm>
        </p:spPr>
        <p:txBody>
          <a:bodyPr/>
          <a:lstStyle/>
          <a:p>
            <a:r>
              <a:rPr lang="da-DK" dirty="0"/>
              <a:t>Konklusion og perspektiv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FA6CC58-FE87-4509-A3F0-C9E5BE065654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8425" y="1628801"/>
            <a:ext cx="7091363" cy="3859188"/>
          </a:xfrm>
        </p:spPr>
        <p:txBody>
          <a:bodyPr/>
          <a:lstStyle/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Projektet har genereret ny viden om, hvordan og hvad faggrupperne bliver udfordret af i deres samarbejde om mobilisering og hvordan tværprofessionelt samarbejde kan forbedres gennem et fokus på relationer og kommunikation i udviklingen af interventioner. </a:t>
            </a:r>
          </a:p>
          <a:p>
            <a:r>
              <a:rPr lang="da-DK" sz="2400" dirty="0">
                <a:ea typeface="Calibri" panose="020F0502020204030204" pitchFamily="34" charset="0"/>
                <a:cs typeface="Times New Roman" panose="02020603050405020304" pitchFamily="18" charset="0"/>
              </a:rPr>
              <a:t>Men projektet peger også på, at organisering af faggrupperne, også i relation til de rumlige betingelser, har stor betydning for det tværprofessionelle samarbejde.</a:t>
            </a:r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56A512A-EE77-4E64-95EE-6BD9FA44695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41DABDE8-78FA-434B-93D9-EBADDEB7C0CE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568D36E-47EA-42D5-AA1B-A88774B14E15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8515306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3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ue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19A5EA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item1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53631342128825","enableDocumentContentUpdater":true,"version":"1.3"}]]></TemplafySlideTemplate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153631341800875","enableDocumentContentUpdater":true,"version":"1.3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6.xml><?xml version="1.0" encoding="utf-8"?>
<TemplafyTemplateConfiguration><![CDATA[{"elementsMetadata":[{"type":"shape","id":"410ad4fc-136e-4946-bbbf-a9219bad673b","elementConfiguration":{"inheritDimensions":"inheritNone","width":"1.9 cm","height":"1.9 cm","disableUpdates":false,"type":"image"}},{"type":"shape","id":"4de88b5c-187a-4f40-9ac6-88b85d10ed34","elementConfiguration":{"inheritDimensions":"inheritNone","width":"1.9 cm","height":"13.39 cm","binding":"UserProfile.Office.LogoColor_DCU","disableUpdates":false,"type":"image"}},{"type":"shape","id":"e8cb9831-c999-4917-ba88-3f4caff3117d","elementConfiguration":{"inheritDimensions":"inheritNone","width":"3.68 cm","height":"1.17 cm","binding":"UserProfile.EkstraLogo.ExtraLogoPPDCU_{{DocumentLanguage}}","disableUpdates":false,"type":"image"}},{"type":"shape","id":"01f242c6-c838-4a0b-9092-aac6d9f29ca5","elementConfiguration":{"binding":"UserProfile.Office.Virksomhed_{{DocumentLanguage}}","disableUpdates":false,"type":"text"}},{"type":"shape","id":"0906f01c-b9a4-4f4b-9aac-1713606b5a74","elementConfiguration":{"binding":"UserProfile.CenterFreeText","visibility":{"action":"hide","binding":"UserProfile.Centers.CenterUI","operator":"notEquals","compareValue":"Intet valgt"},"disableUpdates":false,"type":"text"}},{"type":"shape","id":"1ff86e7d-75cf-489d-8577-f16d01bf8712","elementConfiguration":{"binding":"UserProfile.Centers.Center_{{DocumentLanguage}}","visibility":{"action":"hide","binding":"UserProfile.Centers.CenterUI","operator":"equals","compareValue":"Intet valgt"},"disableUpdates":false,"type":"text"}},{"type":"shape","id":"15caa751-34f7-4cbd-81f5-5d3ad09bbe72","elementConfiguration":{"binding":"Form.PresentationTitle","disableUpdates":false,"type":"text"}},{"type":"shape","id":"70e0214e-4f58-47db-8b0f-aee65d45e560","elementConfiguration":{"inheritDimensions":"inheritNone","width":"2.42 cm","height":"2.5 cm","binding":"UserProfile.EkstraLogo.ExtraLogoFive_PP_DCU_{{DocumentLanguage}}","disableUpdates":false,"type":"image"}},{"type":"shape","id":"a4376921-da45-4d33-b59c-6208aae82f21","elementConfiguration":{"inheritDimensions":"inheritNone","width":"2.42 cm","height":"2.5 cm","binding":"UserProfile.EkstraLogo.ExtraLogoTwo_PP_DCU_{{DocumentLanguage}}","disableUpdates":false,"type":"image"}},{"type":"shape","id":"146d4a5d-d685-4043-a876-50361790e331","elementConfiguration":{"inheritDimensions":"inheritNone","width":"6.05 cm","height":"1.9 cm","binding":"UserProfile.EkstraLogo.ExtraLogoSix_PP_DCU_{{DocumentLanguage}}","disableUpdates":false,"type":"image"}},{"type":"shape","id":"b2aaeb1b-445c-4242-9788-f212df8030dc","elementConfiguration":{"binding":"UserProfile.Name","visibility":{"action":"hide","binding":"Form.Manuel_dato","operator":"notEquals","compareValue":""},"disableUpdates":false,"type":"text"}},{"type":"shape","id":"3590751b-8628-4ba8-b2a2-e4d3f9dc18b8","elementConfiguration":{"binding":"Form.Manuel_dato","disableUpdates":false,"type":"text"}},{"type":"shape","id":"a0690993-b295-4760-8221-73ebaf6aa066","elementConfiguration":{"inheritDimensions":"inheritWidth","width":"1.91 cm","binding":"UserProfile.Office.LogoH_PP_DCU","disableUpdates":false,"type":"image"}},{"type":"shape","id":"cbab7d0a-9f5d-44b1-b3d3-e640597a554b","elementConfiguration":{"binding":"UserProfile.Office.Virksomhed_{{DocumentLanguage}}","disableUpdates":false,"type":"text"}},{"type":"shape","id":"a9574484-0d0d-40f7-a8f9-9fbcb3b45b55","elementConfiguration":{"binding":"UserProfile.CenterFreeText","visibility":{"action":"hide","binding":"UserProfile.Centers.CenterUI","operator":"notEquals","compareValue":"Intet valgt"},"disableUpdates":false,"type":"text"}},{"type":"shape","id":"395c902d-9b1d-462f-b3b5-8da1e770421c","elementConfiguration":{"binding":"UserProfile.Centers.Center_{{DocumentLanguage}}","visibility":{"action":"hide","binding":"UserProfile.Centers.CenterUI","operator":"equals","compareValue":"Intet valgt"},"disableUpdates":false,"type":"text"}},{"type":"shape","id":"dee484f1-9a75-4d82-bb9b-cc30f8c8e08a","elementConfiguration":{"inheritDimensions":"inheritNone","width":"3.68 cm","height":"1.17 cm","binding":"UserProfile.EkstraLogo.ExtraLogoPPNEGDCU_{{DocumentLanguage}}","disableUpdates":false,"type":"image"}},{"type":"shape","id":"3b1e4119-db2b-41e3-aa94-3ad83609e55e","elementConfiguration":{"binding":"Form.PresentationTitle","disableUpdates":false,"type":"text"}},{"type":"shape","id":"9a6b8f71-33f1-4151-98fb-4de656fe0395","elementConfiguration":{"inheritDimensions":"inheritNone","width":"1.9 cm","height":"1.9 cm","binding":"UserProfile.Office.LogoColor_DCU","disableUpdates":false,"type":"image"}},{"type":"shape","id":"982c5c86-5a13-468a-86ae-2f997e1f536f","elementConfiguration":{"inheritDimensions":"inheritNone","width":"2.42 cm","height":"2.5 cm","binding":"UserProfile.EkstraLogo.ExtraLogoFive_PP_DCU_{{DocumentLanguage}}","disableUpdates":false,"type":"image"}},{"type":"shape","id":"d9415127-4615-4f75-b477-f55516ea90de","elementConfiguration":{"inheritDimensions":"inheritNone","width":"2.42 cm","height":"2.5 cm","binding":"UserProfile.EkstraLogo.ExtraLogoTwo_PP_DCU_{{DocumentLanguage}}","disableUpdates":false,"type":"image"}},{"type":"shape","id":"b3405aee-19cc-4d59-a091-d7a3920387bd","elementConfiguration":{"inheritDimensions":"inheritNone","width":"6.05 cm","height":"1.9 cm","binding":"UserProfile.EkstraLogo.ExtraLogoSix_PP_DCU_{{DocumentLanguage}}","disableUpdates":false,"type":"image"}},{"type":"shape","id":"d452e684-64c7-4927-a6a5-108e90df9a82","elementConfiguration":{"binding":"UserProfile.Name","visibility":{"action":"hide","binding":"Form.Manuel_dato","operator":"notEquals","compareValue":""},"disableUpdates":false,"type":"text"}},{"type":"shape","id":"353b66ef-8904-478d-ab2f-a2abb6235707","elementConfiguration":{"binding":"Form.Manuel_dato","disableUpdates":false,"type":"text"}},{"type":"shape","id":"9d19ad70-b91f-453e-9f53-de9a3ba3d850","elementConfiguration":{"inheritDimensions":"inheritWidth","width":"1.91 cm","binding":"UserProfile.Office.LogoH_PP_DCU","disableUpdates":false,"type":"image"}},{"type":"shape","id":"9b24936f-b4e3-4bc1-9635-a1bb6adfee53","elementConfiguration":{"binding":"UserProfile.Office.Virksomhed_{{DocumentLanguage}}","disableUpdates":false,"type":"text"}},{"type":"shape","id":"41370d8a-0efd-4772-88ef-5046f6b80bc1","elementConfiguration":{"binding":"UserProfile.CenterFreeText","visibility":{"action":"hide","binding":"UserProfile.Centers.CenterUI","operator":"notEquals","compareValue":"Intet valgt"},"disableUpdates":false,"type":"text"}},{"type":"shape","id":"27faf079-a642-489a-961c-edd6916a5d1c","elementConfiguration":{"binding":"UserProfile.Centers.Center_{{DocumentLanguage}}","visibility":{"action":"hide","binding":"UserProfile.Centers.CenterUI","operator":"equals","compareValue":"Intet valgt"},"disableUpdates":false,"type":"text"}},{"type":"shape","id":"0a7f22fa-e693-4f6e-891b-436797277db9","elementConfiguration":{"inheritDimensions":"inheritNone","width":"3.68 cm","height":"1.17 cm","binding":"UserProfile.EkstraLogo.ExtraLogoPPNEGDCU_{{DocumentLanguage}}","disableUpdates":false,"type":"image"}},{"type":"shape","id":"8fc9ec1c-dcdf-4e81-aa63-e0d4736214fa","elementConfiguration":{"binding":"Form.PresentationTitle","disableUpdates":false,"type":"text"}},{"type":"shape","id":"67f95271-c770-40a5-91b5-22bd85ca98a7","elementConfiguration":{"inheritDimensions":"inheritNone","width":"1.9 cm","height":"1.9 cm","binding":"UserProfile.Office.LogoColor_DCU","disableUpdates":false,"type":"image"}},{"type":"shape","id":"3419a876-dd60-4b1d-818d-405daa474541","elementConfiguration":{"inheritDimensions":"inheritNone","width":"2.42 cm","height":"2.5 cm","binding":"UserProfile.EkstraLogo.ExtraLogoFive_PP_DCU_{{DocumentLanguage}}","disableUpdates":false,"type":"image"}},{"type":"shape","id":"b2b26f6e-1b36-4d98-8234-812883db8b29","elementConfiguration":{"inheritDimensions":"inheritNone","width":"2.42 cm","height":"2.5 cm","binding":"UserProfile.EkstraLogo.ExtraLogoTwo_PP_DCU_{{DocumentLanguage}}","disableUpdates":false,"type":"image"}},{"type":"shape","id":"f68d653c-f5ab-4922-9aea-e1b4dd9ae573","elementConfiguration":{"inheritDimensions":"inheritNone","width":"6.05 cm","height":"1.9 cm","binding":"UserProfile.EkstraLogo.ExtraLogoSix_PP_DCU_{{DocumentLanguage}}","disableUpdates":false,"type":"image"}},{"type":"shape","id":"213ad0de-b478-4cbd-9f85-94d997e1fe61","elementConfiguration":{"binding":"UserProfile.Name","visibility":{"action":"hide","binding":"Form.Manuel_dato","operator":"notEquals","compareValue":""},"disableUpdates":false,"type":"text"}},{"type":"shape","id":"647e2d79-4f73-4411-b73a-98c2935e3078","elementConfiguration":{"binding":"Form.Manuel_dato","disableUpdates":false,"type":"text"}},{"type":"shape","id":"30954547-548d-4da9-8cb2-d33b2c8dad1f","elementConfiguration":{"inheritDimensions":"inheritWidth","width":"1.91 cm","binding":"UserProfile.Office.LogoH_PP_DCU","disableUpdates":false,"type":"image"}},{"type":"shape","id":"73459d6f-3b41-453e-990b-a2c3b30d3655","elementConfiguration":{"binding":"UserProfile.Office.Virksomhed_{{DocumentLanguage}}","disableUpdates":false,"type":"text"}},{"type":"shape","id":"65c46b4d-1c0f-4ada-b307-687a867f1bcf","elementConfiguration":{"binding":"UserProfile.CenterFreeText","visibility":{"action":"hide","binding":"UserProfile.Centers.CenterUI","operator":"notEquals","compareValue":"Intet valgt"},"disableUpdates":false,"type":"text"}},{"type":"shape","id":"1d8a94d6-478b-4ec5-a450-67929e0b21f2","elementConfiguration":{"binding":"UserProfile.Centers.Center_{{DocumentLanguage}}","visibility":{"action":"hide","binding":"UserProfile.Centers.CenterUI","operator":"equals","compareValue":"Intet valgt"},"disableUpdates":false,"type":"text"}},{"type":"shape","id":"d79a520a-9f27-4a81-a90e-63107ef4a4c3","elementConfiguration":{"inheritDimensions":"inheritNone","width":"3.68 cm","height":"1.17 cm","binding":"UserProfile.EkstraLogo.ExtraLogoPPNEGDCU_{{DocumentLanguage}}","disableUpdates":false,"type":"image"}},{"type":"shape","id":"125ffc70-d0c5-45d5-a844-fcbf433b9912","elementConfiguration":{"binding":"Form.PresentationTitle","disableUpdates":false,"type":"text"}},{"type":"shape","id":"4d7deb95-e416-43b9-a5dc-99cd0db8daf0","elementConfiguration":{"binding":"UserProfile.Name","visibility":{"action":"hide","binding":"Form.Manuel_dato","operator":"notEquals","compareValue":""},"disableUpdates":false,"type":"text"}},{"type":"shape","id":"76fe98e4-828c-4e27-8f64-a1d2ca17a8cb","elementConfiguration":{"inheritDimensions":"inheritNone","width":"1.9 cm","height":"1.9 cm","binding":"UserProfile.Office.LogoColor_DCU","disableUpdates":false,"type":"image"}},{"type":"shape","id":"df0afe3e-b03c-4b45-9659-1ddef894e3c8","elementConfiguration":{"inheritDimensions":"inheritNone","width":"2.42 cm","height":"2.5 cm","binding":"UserProfile.EkstraLogo.ExtraLogoFive_PP_DCU_{{DocumentLanguage}}","disableUpdates":false,"type":"image"}},{"type":"shape","id":"64d9b268-2cca-45bc-9b2e-558541053316","elementConfiguration":{"inheritDimensions":"inheritNone","width":"2.42 cm","height":"2.5 cm","binding":"UserProfile.EkstraLogo.ExtraLogoTwo_PP_DCU_{{DocumentLanguage}}","disableUpdates":false,"type":"image"}},{"type":"shape","id":"59b41a41-672a-464f-aeaa-93957ec28680","elementConfiguration":{"inheritDimensions":"inheritNone","width":"6.05 cm","height":"1.9 cm","binding":"UserProfile.EkstraLogo.ExtraLogoSix_PP_DCU_{{DocumentLanguage}}","disableUpdates":false,"type":"image"}},{"type":"shape","id":"6f11a685-e598-4843-9edd-30dc1e557a2c","elementConfiguration":{"binding":"Form.Manuel_dato","disableUpdates":false,"type":"text"}},{"type":"shape","id":"998861fa-3d2b-464b-96a1-63b974f66b39","elementConfiguration":{"inheritDimensions":"inheritWidth","width":"1.91 cm","binding":"UserProfile.Office.LogoH_PP_DCU","disableUpdates":false,"type":"image"}},{"type":"shape","id":"17057fe5-242c-4c6e-83c4-dd447cc4d6fc","elementConfiguration":{"inheritDimensions":"inheritNone","width":"1.9 cm","height":"13.39 cm","binding":"UserProfile.Office.LogoColor_DCU","disableUpdates":false,"type":"image"}},{"type":"shape","id":"56b1b54e-3889-4121-ad1f-0da9d529fe69","elementConfiguration":{"inheritDimensions":"inheritNone","width":"25.4 cm","height":"19.06 cm","binding":"UserProfile.Centers.VaelgKorrektSkabelonDCU","disableUpdates":false,"type":"image"}},{"type":"shape","id":"ad17d03b-522a-4131-899e-1d05092bf37a","elementConfiguration":{"inheritDimensions":"inheritNone","width":"25.4 cm","height":"19.06 cm","binding":"UserProfile.Centers.VaelgKorrektSkabelonDCU","disableUpdates":false,"type":"image"}},{"type":"shape","id":"e7cf1ca2-b1c8-4bf8-8a4f-6ed5c1cdbd53","elementConfiguration":{"binding":"Form.PresentationTitle","disableUpdates":false,"type":"text"}},{"type":"shape","id":"0fa9da4e-ece8-49e9-b16e-9f1992223ec4","elementConfiguration":{"binding":"UserProfile.Name","visibility":{"action":"hide","binding":"Form.Manuel_dato","operator":"notEquals","compareValue":""},"disableUpdates":false,"type":"text"}},{"type":"shape","id":"4b8fbdd7-fec9-4b75-a7b4-014f9d65a763","elementConfiguration":{"inheritDimensions":"inheritNone","width":"3.68 cm","height":"1.17 cm","binding":"UserProfile.EkstraLogo.ExtraLogoPPNEGDCU_{{DocumentLanguage}}","disableUpdates":false,"type":"image"}},{"type":"shape","id":"122a9609-88b4-4fec-afde-4a2aff0bd57b","elementConfiguration":{"binding":"UserProfile.Office.Virksomhed_{{DocumentLanguage}}","disableUpdates":false,"type":"text"}},{"type":"shape","id":"8a401567-33df-403c-8530-34ada41a58a9","elementConfiguration":{"binding":"UserProfile.CenterFreeText","visibility":{"action":"hide","binding":"UserProfile.Centers.CenterUI","operator":"notEquals","compareValue":"Intet valgt"},"disableUpdates":false,"type":"text"}},{"type":"shape","id":"3c642907-8c43-4300-beba-ee1ac2e7564e","elementConfiguration":{"binding":"UserProfile.Centers.Center_{{DocumentLanguage}}","visibility":{"action":"hide","binding":"UserProfile.Centers.CenterUI","operator":"equals","compareValue":"Intet valgt"},"disableUpdates":false,"type":"text"}},{"type":"shape","id":"a727ec8c-9f06-402d-8b3c-3c054ce9004f","elementConfiguration":{"inheritDimensions":"inheritNone","width":"2.42 cm","height":"2.5 cm","binding":"UserProfile.EkstraLogo.ExtraLogoTwo_PP_DCU_{{DocumentLanguage}}","disableUpdates":false,"type":"image"}},{"type":"shape","id":"994e694e-dcc2-4f15-8efb-ae1cbb3f52bb","elementConfiguration":{"inheritDimensions":"inheritNone","width":"6.05 cm","height":"1.9 cm","binding":"UserProfile.EkstraLogo.ExtraLogoSix_PP_DCU_{{DocumentLanguage}}","disableUpdates":false,"type":"image"}},{"type":"shape","id":"b36bb514-b775-4c76-bf78-9c3287052557","elementConfiguration":{"inheritDimensions":"inheritNone","width":"2.42 cm","height":"2.5 cm","binding":"UserProfile.EkstraLogo.ExtraLogoFive_PP_DCU_{{DocumentLanguage}}","disableUpdates":false,"type":"image"}},{"type":"shape","id":"f36cf0c6-e8e9-4b68-a1a7-cbd5ddec5a62","elementConfiguration":{"binding":"Form.Manuel_dato","disableUpdates":false,"type":"text"}},{"type":"shape","id":"fa65e326-773f-4453-b0af-8a53ab6fc2cc","elementConfiguration":{"inheritDimensions":"inheritWidth","width":"1.91 cm","binding":"UserProfile.Office.LogoH_PP_DCU","disableUpdates":false,"type":"image"}},{"type":"shape","id":"3193f9b1-95a4-4075-8ed4-fda875b63a9a","elementConfiguration":{"binding":"UserProfile.Office.Virksomhed_{{DocumentLanguage}}","disableUpdates":false,"type":"text"}},{"type":"shape","id":"07dab9e3-0ac2-4714-8011-333b7a12bf7b","elementConfiguration":{"binding":"UserProfile.CenterFreeText","visibility":{"action":"hide","binding":"UserProfile.Centers.CenterUI","operator":"notEquals","compareValue":"Intet valgt"},"disableUpdates":false,"type":"text"}},{"type":"shape","id":"aca086ad-2350-4d31-b6df-d62eefd00455","elementConfiguration":{"binding":"UserProfile.Centers.Center_{{DocumentLanguage}}","visibility":{"action":"hide","binding":"UserProfile.Centers.CenterUI","operator":"equals","compareValue":"Intet valgt"},"disableUpdates":false,"type":"text"}},{"type":"shape","id":"96cbdd4a-26fa-4df5-99be-d72d09fa67be","elementConfiguration":{"inheritDimensions":"inheritNone","width":"3.68 cm","height":"1.17 cm","binding":"UserProfile.EkstraLogo.ExtraLogoPPNEGDCU_{{DocumentLanguage}}","disableUpdates":false,"type":"image"}},{"type":"shape","id":"933dd4df-8313-4605-bf50-53db18611176","elementConfiguration":{"binding":"Form.PresentationTitle","disableUpdates":false,"type":"text"}},{"type":"shape","id":"f4955300-5805-4dc5-ade6-f1441e871420","elementConfiguration":{"inheritDimensions":"inheritNone","width":"1.9 cm","height":"1.9 cm","binding":"UserProfile.Office.LogoColor_DCU","disableUpdates":false,"type":"image"}},{"type":"shape","id":"4e494ab5-f2d6-48ba-9054-62c8bc3aabd6","elementConfiguration":{"inheritDimensions":"inheritNone","width":"2.42 cm","height":"2.5 cm","binding":"UserProfile.EkstraLogo.ExtraLogoFive_PP_DCU_{{DocumentLanguage}}","disableUpdates":false,"type":"image"}},{"type":"shape","id":"f827307c-b93e-414c-b3ed-69d574771108","elementConfiguration":{"inheritDimensions":"inheritNone","width":"2.42 cm","height":"2.5 cm","binding":"UserProfile.EkstraLogo.ExtraLogoTwo_PP_DCU_{{DocumentLanguage}}","disableUpdates":false,"type":"image"}},{"type":"shape","id":"6900b012-e1f8-4d3d-83e8-f06e1cb1e9a8","elementConfiguration":{"inheritDimensions":"inheritNone","width":"6.05 cm","height":"1.9 cm","binding":"UserProfile.EkstraLogo.ExtraLogoSix_PP_DCU_{{DocumentLanguage}}","disableUpdates":false,"type":"image"}},{"type":"shape","id":"1d7b5a8b-a147-4198-add8-e7f4a56dcbc7","elementConfiguration":{"binding":"UserProfile.Name","visibility":{"action":"hide","binding":"Form.Manuel_dato","operator":"notEquals","compareValue":""},"disableUpdates":false,"type":"text"}},{"type":"shape","id":"4d59cdb4-2895-4dd6-a853-14d8f57f7738","elementConfiguration":{"binding":"Form.Manuel_dato","disableUpdates":false,"type":"text"}},{"type":"shape","id":"5fd59fc1-8a08-457d-a404-366a0620684c","elementConfiguration":{"inheritDimensions":"inheritWidth","width":"1.91 cm","binding":"UserProfile.Office.LogoH_PP_DCU","disableUpdates":false,"type":"image"}},{"type":"shape","id":"9ba15685-8ab2-4766-892e-a2a5f74c7e38","elementConfiguration":{"binding":"UserProfile.Office.Virksomhed_{{DocumentLanguage}}","disableUpdates":false,"type":"text"}},{"type":"shape","id":"572765d0-d788-40ce-8a2b-df9dedea2871","elementConfiguration":{"binding":"UserProfile.CenterFreeText","visibility":{"action":"hide","binding":"UserProfile.Centers.CenterUI","operator":"notEquals","compareValue":"Intet valgt"},"disableUpdates":false,"type":"text"}},{"type":"shape","id":"df701d1f-3b15-4e1b-8112-423b98969819","elementConfiguration":{"binding":"UserProfile.Centers.Center_{{DocumentLanguage}}","visibility":{"action":"hide","binding":"UserProfile.Centers.CenterUI","operator":"equals","compareValue":"Intet valgt"},"disableUpdates":false,"type":"text"}},{"type":"shape","id":"9e1fc6df-2129-4157-9257-a68e9222d79c","elementConfiguration":{"inheritDimensions":"inheritNone","width":"3.68 cm","height":"1.17 cm","binding":"UserProfile.EkstraLogo.ExtraLogoPPNEGDCU_{{DocumentLanguage}}","disableUpdates":false,"type":"image"}},{"type":"shape","id":"90175a52-c773-4901-99a6-99fe5cd388f8","elementConfiguration":{"binding":"Form.PresentationTitle","disableUpdates":false,"type":"text"}},{"type":"shape","id":"96b9abed-1ae1-4734-88a8-f10df70c7390","elementConfiguration":{"inheritDimensions":"inheritNone","width":"1.9 cm","height":"1.9 cm","binding":"UserProfile.Office.LogoColor_DCU","disableUpdates":false,"type":"image"}},{"type":"shape","id":"f2a68484-05b1-4cf2-8443-8acb35023e3c","elementConfiguration":{"inheritDimensions":"inheritNone","width":"2.42 cm","height":"2.5 cm","binding":"UserProfile.EkstraLogo.ExtraLogoFive_PP_DCU_{{DocumentLanguage}}","disableUpdates":false,"type":"image"}},{"type":"shape","id":"4b7cb94b-fe1b-4da5-b97d-071f064b4848","elementConfiguration":{"inheritDimensions":"inheritNone","width":"2.42 cm","height":"2.5 cm","binding":"UserProfile.EkstraLogo.ExtraLogoTwo_PP_DCU_{{DocumentLanguage}}","disableUpdates":false,"type":"image"}},{"type":"shape","id":"1db6e3ac-61d0-4e8a-9b24-b1d74338ea3a","elementConfiguration":{"inheritDimensions":"inheritNone","width":"6.05 cm","height":"1.9 cm","binding":"UserProfile.EkstraLogo.ExtraLogoSix_PP_DCU_{{DocumentLanguage}}","disableUpdates":false,"type":"image"}},{"type":"shape","id":"308fc9c6-9baf-46c1-858c-9da5b075a73b","elementConfiguration":{"binding":"UserProfile.Name","visibility":{"action":"hide","binding":"Form.Manuel_dato","operator":"notEquals","compareValue":""},"disableUpdates":false,"type":"text"}},{"type":"shape","id":"107328bf-736c-4d36-a904-90fe29615f5e","elementConfiguration":{"binding":"Form.Manuel_dato","disableUpdates":false,"type":"text"}},{"type":"shape","id":"1c8a548b-3b2d-4f94-9855-7a64fc47f7b1","elementConfiguration":{"inheritDimensions":"inheritWidth","width":"1.91 cm","binding":"UserProfile.Office.LogoH_PP_DCU","disableUpdates":false,"type":"image"}},{"type":"shape","id":"0814b3c8-79b3-45df-9fdf-7037831d3ebc","elementConfiguration":{"inheritDimensions":"inheritNone","width":"1.9 cm","height":"19.05 cm","binding":"UserProfile.Office.LogoColor_DCU","disableUpdates":false,"type":"image"}},{"type":"shape","id":"c9521fb8-23da-4077-baf9-cb4e933a8f2e","elementConfiguration":{"binding":"UserProfile.Office.Virksomhed_{{DocumentLanguage}}","disableUpdates":false,"type":"text"}},{"type":"shape","id":"96b6dc53-b5b7-4ad8-96d2-4b8452e71bc6","elementConfiguration":{"binding":"UserProfile.CenterFreeText","visibility":{"action":"hide","binding":"UserProfile.Centers.CenterUI","operator":"notEquals","compareValue":"Intet valgt"},"disableUpdates":false,"type":"text"}},{"type":"shape","id":"752a279a-9507-4b8a-b7a8-f04cb35dace9","elementConfiguration":{"binding":"UserProfile.Centers.Center_{{DocumentLanguage}}","visibility":{"action":"hide","binding":"UserProfile.Centers.CenterUI","operator":"equals","compareValue":"Intet valgt"},"disableUpdates":false,"type":"text"}},{"type":"shape","id":"d614bf84-8259-4c4d-a190-1057da3c76c8","elementConfiguration":{"binding":"Form.PresentationTitle","disableUpdates":false,"type":"text"}},{"type":"shape","id":"2415d610-f5a1-4633-a483-49f5d8518c43","elementConfiguration":{"inheritDimensions":"inheritNone","width":"3.68 cm","height":"1.17 cm","binding":"UserProfile.EkstraLogo.ExtraLogoPPNEGDCU_{{DocumentLanguage}}","disableUpdates":false,"type":"image"}},{"type":"shape","id":"b9121518-6290-434d-a674-c9d1c87a6681","elementConfiguration":{"inheritDimensions":"inheritNone","width":"6.05 cm","height":"1.9 cm","binding":"UserProfile.EkstraLogo.ExtraLogoSixNEG_PP_DCU_{{DocumentLanguage}}","disableUpdates":false,"type":"image"}},{"type":"shape","id":"ee9cc38c-52d7-47b0-bb68-a511ddd6878d","elementConfiguration":{"inheritDimensions":"inheritNone","width":"2.42 cm","height":"2.5 cm","binding":"UserProfile.EkstraLogo.ExtraLogoFive_PP_DCU_{{DocumentLanguage}}","disableUpdates":false,"type":"image"}},{"type":"shape","id":"b0976a6c-0b98-46b7-a0f1-e122bf6d9849","elementConfiguration":{"inheritDimensions":"inheritNone","width":"2.42 cm","height":"2.5 cm","binding":"UserProfile.EkstraLogo.ExtraLogoTwo_PP_DCU_{{DocumentLanguage}}","disableUpdates":false,"type":"image"}},{"type":"shape","id":"647ace6d-d7c0-4bce-b167-0632c61c22db","elementConfiguration":{"binding":"UserProfile.Name","visibility":{"action":"hide","binding":"Form.Manuel_dato","operator":"notEquals","compareValue":""},"disableUpdates":false,"type":"text"}},{"type":"shape","id":"112f3c57-200b-45ca-84f4-c6a70d5b35af","elementConfiguration":{"binding":"Form.Manuel_dato","disableUpdates":false,"type":"text"}},{"type":"shape","id":"5e9a813c-128e-427a-b6d6-26e7bcbaf3c4","elementConfiguration":{"inheritDimensions":"inheritWidth","width":"1.91 cm","binding":"UserProfile.Office.LogoH_PP_DCU","disableUpdates":false,"type":"image"}},{"type":"shape","id":"15f20a01-245a-4cc7-842a-34812b99cb23","elementConfiguration":{"binding":"UserProfile.Office.Virksomhed_{{DocumentLanguage}}","disableUpdates":false,"type":"text"}},{"type":"shape","id":"3f4ac7ea-436e-4526-9759-9743a1d28fc7","elementConfiguration":{"binding":"UserProfile.CenterFreeText","visibility":{"action":"hide","binding":"UserProfile.Centers.CenterUI","operator":"notEquals","compareValue":"Intet valgt"},"disableUpdates":false,"type":"text"}},{"type":"shape","id":"b331dc0e-fc16-4191-bb20-917dd69985fd","elementConfiguration":{"binding":"UserProfile.Centers.Center_{{DocumentLanguage}}","visibility":{"action":"hide","binding":"UserProfile.Centers.CenterUI","operator":"equals","compareValue":"Intet valgt"},"disableUpdates":false,"type":"text"}},{"type":"shape","id":"3350fcbd-3e61-4926-9cf2-55930e3e9c5b","elementConfiguration":{"inheritDimensions":"inheritNone","width":"3.68 cm","height":"1.17 cm","binding":"UserProfile.EkstraLogo.ExtraLogoPPNEGDCU_{{DocumentLanguage}}","disableUpdates":false,"type":"image"}},{"type":"shape","id":"75904dcc-56bc-48d7-99ac-25736cbb41c1","elementConfiguration":{"binding":"Form.PresentationTitle","disableUpdates":false,"type":"text"}},{"type":"shape","id":"e10013f4-c243-4062-94cc-240830e614bd","elementConfiguration":{"inheritDimensions":"inheritNone","width":"1.9 cm","height":"1.9 cm","binding":"UserProfile.Office.LogoColor_DCU","disableUpdates":false,"type":"image"}},{"type":"shape","id":"79daf2ba-409f-4153-9347-db53c44d1af9","elementConfiguration":{"inheritDimensions":"inheritNone","width":"2.42 cm","height":"2.5 cm","binding":"UserProfile.EkstraLogo.ExtraLogoFive_PP_DCU_{{DocumentLanguage}}","disableUpdates":false,"type":"image"}},{"type":"shape","id":"52d2be8b-6101-43a9-a0ff-8bb7207f0d8b","elementConfiguration":{"inheritDimensions":"inheritNone","width":"2.42 cm","height":"2.5 cm","binding":"UserProfile.EkstraLogo.ExtraLogoTwo_PP_DCU_{{DocumentLanguage}}","disableUpdates":false,"type":"image"}},{"type":"shape","id":"d0f8e1db-73a0-410e-a66e-4596342d0b6d","elementConfiguration":{"inheritDimensions":"inheritNone","width":"6.05 cm","height":"1.9 cm","binding":"UserProfile.EkstraLogo.ExtraLogoSix_PP_DCU_{{DocumentLanguage}}","disableUpdates":false,"type":"image"}},{"type":"shape","id":"712b2dd6-970c-4bc6-a669-ad26509685ae","elementConfiguration":{"binding":"UserProfile.Name","visibility":{"action":"hide","binding":"Form.Manuel_dato","operator":"notEquals","compareValue":""},"disableUpdates":false,"type":"text"}},{"type":"shape","id":"58e78ca8-3858-4c7f-9a05-8bda42e2635a","elementConfiguration":{"binding":"Form.Manuel_dato","disableUpdates":false,"type":"text"}},{"type":"shape","id":"e58fcd98-a2dd-4db1-bba9-92dc6ab22bb8","elementConfiguration":{"inheritDimensions":"inheritWidth","width":"1.91 cm","binding":"UserProfile.Office.LogoH_PP_DCU","disableUpdates":false,"type":"image"}},{"type":"shape","id":"061de2ec-5ee1-4d82-8dc7-635e4522cd8f","elementConfiguration":{"inheritDimensions":"inheritNone","width":"1.9 cm","height":"1.9 cm","binding":"UserProfile.Office.LogoColor_DCU","disableUpdates":false,"type":"image"}},{"type":"shape","id":"d57c103f-48c8-4874-94ef-c67c2173ba75","elementConfiguration":{"binding":"UserProfile.Office.Virksomhed_{{DocumentLanguage}}","disableUpdates":false,"type":"text"}},{"type":"shape","id":"97eebfe8-7631-4039-87cd-7662ac33cb9e","elementConfiguration":{"binding":"UserProfile.CenterFreeText","visibility":{"action":"hide","binding":"UserProfile.Centers.CenterUI","operator":"notEquals","compareValue":"Intet valgt"},"disableUpdates":false,"type":"text"}},{"type":"shape","id":"f1e8872c-2e11-45f6-a03e-cc317b24ed2b","elementConfiguration":{"binding":"UserProfile.Centers.Center_{{DocumentLanguage}}","visibility":{"action":"hide","binding":"UserProfile.Centers.CenterUI","operator":"equals","compareValue":"Intet valgt"},"disableUpdates":false,"type":"text"}},{"type":"shape","id":"baedfcce-b757-48c4-9916-7d34212a5766","elementConfiguration":{"binding":"Form.PresentationTitle","disableUpdates":false,"type":"text"}},{"type":"shape","id":"dbbe7658-5689-4614-9183-af0fc2f55642","elementConfiguration":{"inheritDimensions":"inheritNone","width":"3.68 cm","height":"1.17 cm","binding":"UserProfile.EkstraLogo.ExtraLogoPPNEGDCU_{{DocumentLanguage}}","disableUpdates":false,"type":"image"}},{"type":"shape","id":"d86d7fcc-604b-44b3-825a-37f48829ce39","elementConfiguration":{"inheritDimensions":"inheritNone","width":"2.42 cm","height":"2.5 cm","binding":"UserProfile.EkstraLogo.ExtraLogoFive_PP_DCU_{{DocumentLanguage}}","disableUpdates":false,"type":"image"}},{"type":"shape","id":"054e0e5e-2aed-45bb-a2d4-d131d1c9c244","elementConfiguration":{"inheritDimensions":"inheritNone","width":"2.42 cm","height":"2.5 cm","binding":"UserProfile.EkstraLogo.ExtraLogoTwo_PP_DCU_{{DocumentLanguage}}","disableUpdates":false,"type":"image"}},{"type":"shape","id":"4059a190-fa6f-4cc7-a342-e02ad7b86447","elementConfiguration":{"inheritDimensions":"inheritNone","width":"6.05 cm","height":"1.9 cm","binding":"UserProfile.EkstraLogo.ExtraLogoSix_PP_DCU_{{DocumentLanguage}}","disableUpdates":false,"type":"image"}},{"type":"shape","id":"6c37cd9e-e1b8-4842-9050-5748b728234d","elementConfiguration":{"binding":"UserProfile.Name","visibility":{"action":"hide","binding":"Form.Manuel_dato","operator":"notEquals","compareValue":""},"disableUpdates":false,"type":"text"}},{"type":"shape","id":"78bcee6b-7454-4a6c-969b-ed5aa1c928d8","elementConfiguration":{"binding":"Form.Manuel_dato","disableUpdates":false,"type":"text"}},{"type":"shape","id":"fe2194fa-a2a1-4f7a-a389-81013de69931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Props1.xml><?xml version="1.0" encoding="utf-8"?>
<ds:datastoreItem xmlns:ds="http://schemas.openxmlformats.org/officeDocument/2006/customXml" ds:itemID="{B5718CDB-9D0D-4690-9430-C1EF110AEB1C}">
  <ds:schemaRefs/>
</ds:datastoreItem>
</file>

<file path=customXml/itemProps2.xml><?xml version="1.0" encoding="utf-8"?>
<ds:datastoreItem xmlns:ds="http://schemas.openxmlformats.org/officeDocument/2006/customXml" ds:itemID="{2AC6B8D2-B62C-4BCE-A506-983361329A69}">
  <ds:schemaRefs/>
</ds:datastoreItem>
</file>

<file path=customXml/itemProps3.xml><?xml version="1.0" encoding="utf-8"?>
<ds:datastoreItem xmlns:ds="http://schemas.openxmlformats.org/officeDocument/2006/customXml" ds:itemID="{C2D64CBE-9F88-4A21-90C2-BD0AA564674F}">
  <ds:schemaRefs/>
</ds:datastoreItem>
</file>

<file path=customXml/itemProps4.xml><?xml version="1.0" encoding="utf-8"?>
<ds:datastoreItem xmlns:ds="http://schemas.openxmlformats.org/officeDocument/2006/customXml" ds:itemID="{C030AF3F-DAB1-448A-AB4B-80B4A7C9C266}">
  <ds:schemaRefs/>
</ds:datastoreItem>
</file>

<file path=customXml/itemProps5.xml><?xml version="1.0" encoding="utf-8"?>
<ds:datastoreItem xmlns:ds="http://schemas.openxmlformats.org/officeDocument/2006/customXml" ds:itemID="{1536BB02-875E-4D6A-96A4-1D5D6AF72155}">
  <ds:schemaRefs/>
</ds:datastoreItem>
</file>

<file path=customXml/itemProps6.xml><?xml version="1.0" encoding="utf-8"?>
<ds:datastoreItem xmlns:ds="http://schemas.openxmlformats.org/officeDocument/2006/customXml" ds:itemID="{6FFF86B1-8DC8-41C3-AA4B-2B784E6F506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322</Words>
  <Application>Microsoft Office PowerPoint</Application>
  <PresentationFormat>Skærmshow (4:3)</PresentationFormat>
  <Paragraphs>27</Paragraphs>
  <Slides>6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0" baseType="lpstr">
      <vt:lpstr>Arial</vt:lpstr>
      <vt:lpstr>Calibri</vt:lpstr>
      <vt:lpstr>Times New Roman</vt:lpstr>
      <vt:lpstr>REGION H Hospital PowerPoint Skabelon_DKfinal</vt:lpstr>
      <vt:lpstr>Mobilisering – En Tværprofessionel Indsats </vt:lpstr>
      <vt:lpstr>Formål og mål</vt:lpstr>
      <vt:lpstr>PowerPoint-præsentation</vt:lpstr>
      <vt:lpstr>Metode</vt:lpstr>
      <vt:lpstr>Resultat</vt:lpstr>
      <vt:lpstr>Konklusion og perspektivering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22-06-07T09:59:5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19-03-05T08:54:38.169304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7153626302213499</vt:lpwstr>
  </property>
  <property fmtid="{D5CDD505-2E9C-101B-9397-08002B2CF9AE}" pid="6" name="TemplafyUserProfileId">
    <vt:lpwstr>636451416746494686</vt:lpwstr>
  </property>
  <property fmtid="{D5CDD505-2E9C-101B-9397-08002B2CF9AE}" pid="7" name="TemplafyLanguageCode">
    <vt:lpwstr>da-DK</vt:lpwstr>
  </property>
</Properties>
</file>